
<file path=[Content_Types].xml><?xml version="1.0" encoding="utf-8"?>
<Types xmlns="http://schemas.openxmlformats.org/package/2006/content-types">
  <Default Extension="png" ContentType="image/png"/>
  <Default Extension="jpeg" ContentType="image/jpeg"/>
  <Default Extension="emf" ContentType="image/x-emf"/>
  <Default Extension="rels" ContentType="application/vnd.openxmlformats-package.relationships+xml"/>
  <Default Extension="xml" ContentType="application/xml"/>
  <Default Extension="wdp" ContentType="image/vnd.ms-photo"/>
  <Default Extension="tif" ContentType="image/tif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23"/>
  </p:sldMasterIdLst>
  <p:notesMasterIdLst>
    <p:notesMasterId r:id="rId47"/>
  </p:notesMasterIdLst>
  <p:handoutMasterIdLst>
    <p:handoutMasterId r:id="rId48"/>
  </p:handoutMasterIdLst>
  <p:sldIdLst>
    <p:sldId id="260" r:id="rId24"/>
    <p:sldId id="261" r:id="rId25"/>
    <p:sldId id="279" r:id="rId26"/>
    <p:sldId id="280" r:id="rId27"/>
    <p:sldId id="281" r:id="rId28"/>
    <p:sldId id="264" r:id="rId29"/>
    <p:sldId id="312" r:id="rId30"/>
    <p:sldId id="257" r:id="rId31"/>
    <p:sldId id="321" r:id="rId32"/>
    <p:sldId id="323" r:id="rId33"/>
    <p:sldId id="266" r:id="rId34"/>
    <p:sldId id="268" r:id="rId35"/>
    <p:sldId id="313" r:id="rId36"/>
    <p:sldId id="315" r:id="rId37"/>
    <p:sldId id="316" r:id="rId38"/>
    <p:sldId id="322" r:id="rId39"/>
    <p:sldId id="314" r:id="rId40"/>
    <p:sldId id="263" r:id="rId41"/>
    <p:sldId id="318" r:id="rId42"/>
    <p:sldId id="320" r:id="rId43"/>
    <p:sldId id="319" r:id="rId44"/>
    <p:sldId id="317" r:id="rId45"/>
    <p:sldId id="311" r:id="rId46"/>
  </p:sldIdLst>
  <p:sldSz cx="12190413" cy="6858000"/>
  <p:notesSz cx="6858000" cy="9144000"/>
  <p:custDataLst>
    <p:tags r:id="rId4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706" autoAdjust="0"/>
    <p:restoredTop sz="92582" autoAdjust="0"/>
  </p:normalViewPr>
  <p:slideViewPr>
    <p:cSldViewPr showGuides="1">
      <p:cViewPr varScale="1">
        <p:scale>
          <a:sx n="109" d="100"/>
          <a:sy n="109" d="100"/>
        </p:scale>
        <p:origin x="192" y="91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3.xml"/><Relationship Id="rId39" Type="http://schemas.openxmlformats.org/officeDocument/2006/relationships/slide" Target="slides/slide16.xml"/><Relationship Id="rId21" Type="http://schemas.openxmlformats.org/officeDocument/2006/relationships/customXml" Target="../customXml/item21.xml"/><Relationship Id="rId34" Type="http://schemas.openxmlformats.org/officeDocument/2006/relationships/slide" Target="slides/slide11.xml"/><Relationship Id="rId42" Type="http://schemas.openxmlformats.org/officeDocument/2006/relationships/slide" Target="slides/slide19.xml"/><Relationship Id="rId47" Type="http://schemas.openxmlformats.org/officeDocument/2006/relationships/notesMaster" Target="notesMasters/notesMaster1.xml"/><Relationship Id="rId50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6.xml"/><Relationship Id="rId11" Type="http://schemas.openxmlformats.org/officeDocument/2006/relationships/customXml" Target="../customXml/item11.xml"/><Relationship Id="rId24" Type="http://schemas.openxmlformats.org/officeDocument/2006/relationships/slide" Target="slides/slide1.xml"/><Relationship Id="rId32" Type="http://schemas.openxmlformats.org/officeDocument/2006/relationships/slide" Target="slides/slide9.xml"/><Relationship Id="rId37" Type="http://schemas.openxmlformats.org/officeDocument/2006/relationships/slide" Target="slides/slide14.xml"/><Relationship Id="rId40" Type="http://schemas.openxmlformats.org/officeDocument/2006/relationships/slide" Target="slides/slide17.xml"/><Relationship Id="rId45" Type="http://schemas.openxmlformats.org/officeDocument/2006/relationships/slide" Target="slides/slide22.xml"/><Relationship Id="rId53" Type="http://schemas.openxmlformats.org/officeDocument/2006/relationships/tableStyles" Target="tableStyles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8.xml"/><Relationship Id="rId44" Type="http://schemas.openxmlformats.org/officeDocument/2006/relationships/slide" Target="slides/slide21.xml"/><Relationship Id="rId52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4.xml"/><Relationship Id="rId30" Type="http://schemas.openxmlformats.org/officeDocument/2006/relationships/slide" Target="slides/slide7.xml"/><Relationship Id="rId35" Type="http://schemas.openxmlformats.org/officeDocument/2006/relationships/slide" Target="slides/slide12.xml"/><Relationship Id="rId43" Type="http://schemas.openxmlformats.org/officeDocument/2006/relationships/slide" Target="slides/slide20.xml"/><Relationship Id="rId48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viewProps" Target="view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2.xml"/><Relationship Id="rId33" Type="http://schemas.openxmlformats.org/officeDocument/2006/relationships/slide" Target="slides/slide10.xml"/><Relationship Id="rId38" Type="http://schemas.openxmlformats.org/officeDocument/2006/relationships/slide" Target="slides/slide15.xml"/><Relationship Id="rId46" Type="http://schemas.openxmlformats.org/officeDocument/2006/relationships/slide" Target="slides/slide23.xml"/><Relationship Id="rId20" Type="http://schemas.openxmlformats.org/officeDocument/2006/relationships/customXml" Target="../customXml/item20.xml"/><Relationship Id="rId41" Type="http://schemas.openxmlformats.org/officeDocument/2006/relationships/slide" Target="slides/slide1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5.xml"/><Relationship Id="rId36" Type="http://schemas.openxmlformats.org/officeDocument/2006/relationships/slide" Target="slides/slide13.xml"/><Relationship Id="rId49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" descr="{&quot;templafy&quot;:{&quot;id&quot;:&quot;df21fbec-6096-41d1-80f5-9808e98207e0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TU Compute</a:t>
            </a:r>
          </a:p>
        </p:txBody>
      </p:sp>
      <p:sp>
        <p:nvSpPr>
          <p:cNvPr id="16" name="date" descr="{&quot;templafy&quot;:{&quot;id&quot;:&quot;026ef463-6407-4226-8964-6606dd71b2f0&quot;}}" title="Form.Date">
            <a:extLst>
              <a:ext uri="{FF2B5EF4-FFF2-40B4-BE49-F238E27FC236}">
                <a16:creationId xmlns:a16="http://schemas.microsoft.com/office/drawing/2014/main" id="{14EC1005-E0C5-4AE7-8DFC-958CB93AC366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27. maj 2019</a:t>
            </a:r>
          </a:p>
        </p:txBody>
      </p:sp>
      <p:sp>
        <p:nvSpPr>
          <p:cNvPr id="17" name="text" descr="{&quot;templafy&quot;:{&quot;id&quot;:&quot;274b7621-73ce-4afa-893c-5800665ec257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rgbClr val="FFFFFF"/>
                </a:solidFill>
                <a:latin typeface="+mn-lt"/>
              </a:rPr>
              <a:t>Data Driven User Experience for Personalizing Hearing Health Care</a:t>
            </a: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53" name="Slide Number"/>
          <p:cNvSpPr txBox="1">
            <a:spLocks noGrp="1"/>
          </p:cNvSpPr>
          <p:nvPr>
            <p:ph type="sldNum" sz="quarter" idx="2"/>
          </p:nvPr>
        </p:nvSpPr>
        <p:spPr>
          <a:xfrm>
            <a:off x="5962643" y="6197649"/>
            <a:ext cx="256200" cy="234111"/>
          </a:xfrm>
          <a:prstGeom prst="rect">
            <a:avLst/>
          </a:prstGeom>
        </p:spPr>
        <p:txBody>
          <a:bodyPr/>
          <a:lstStyle>
            <a:lvl1pPr>
              <a:defRPr sz="1131">
                <a:solidFill>
                  <a:srgbClr val="000000"/>
                </a:solidFill>
                <a:latin typeface="Helvetica Light"/>
                <a:ea typeface="Helvetica Light"/>
                <a:cs typeface="Helvetica Light"/>
                <a:sym typeface="Helvetica Light"/>
              </a:defRPr>
            </a:lvl1pPr>
          </a:lstStyle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237120287"/>
      </p:ext>
    </p:extLst>
  </p:cSld>
  <p:clrMapOvr>
    <a:masterClrMapping/>
  </p:clrMapOvr>
  <p:transition spd="med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47312849-2e1b-4a91-9e75-a76fd6741fbf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a78bec28-3517-4f86-942e-e3f7cd7b58a0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7. maj 2019</a:t>
            </a:r>
          </a:p>
        </p:txBody>
      </p:sp>
      <p:sp>
        <p:nvSpPr>
          <p:cNvPr id="7" name="text" descr="{&quot;templafy&quot;:{&quot;id&quot;:&quot;25ef751c-cdde-4ddc-814e-1b2beb58ff43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Data Driven User Experience for Personalizing Hearing Health Car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7" Type="http://schemas.openxmlformats.org/officeDocument/2006/relationships/image" Target="../media/image4.pn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1.emf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image" Target="../media/image12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13.emf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14.emf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4" Type="http://schemas.openxmlformats.org/officeDocument/2006/relationships/image" Target="../media/image15.emf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emf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8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image" Target="../media/image16.emf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8.emf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emf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8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8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emf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9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tif"/><Relationship Id="rId7" Type="http://schemas.openxmlformats.org/officeDocument/2006/relationships/hyperlink" Target="mailto:benjoh@dtu.dk" TargetMode="External"/><Relationship Id="rId2" Type="http://schemas.openxmlformats.org/officeDocument/2006/relationships/image" Target="../media/image23.tif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25.png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1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12.xml"/></Relationships>
</file>

<file path=ppt/slides/_rels/slide6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8.emf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3.xml"/><Relationship Id="rId4" Type="http://schemas.openxmlformats.org/officeDocument/2006/relationships/image" Target="../media/image9.jp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10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6000" dirty="0"/>
              <a:t>Data Driven User Experience for Personalizing Hearing 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CACHET Spring Seminar 2019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  <p:grpSp>
        <p:nvGrpSpPr>
          <p:cNvPr id="7" name="Group 108">
            <a:extLst>
              <a:ext uri="{FF2B5EF4-FFF2-40B4-BE49-F238E27FC236}">
                <a16:creationId xmlns:a16="http://schemas.microsoft.com/office/drawing/2014/main" id="{918B13D6-E4B9-3946-8503-1A2D71E11179}"/>
              </a:ext>
            </a:extLst>
          </p:cNvPr>
          <p:cNvGrpSpPr/>
          <p:nvPr/>
        </p:nvGrpSpPr>
        <p:grpSpPr>
          <a:xfrm>
            <a:off x="8554888" y="8719173"/>
            <a:ext cx="4144300" cy="753166"/>
            <a:chOff x="0" y="0"/>
            <a:chExt cx="4144298" cy="753165"/>
          </a:xfrm>
        </p:grpSpPr>
        <p:sp>
          <p:nvSpPr>
            <p:cNvPr id="8" name="Shape 62">
              <a:extLst>
                <a:ext uri="{FF2B5EF4-FFF2-40B4-BE49-F238E27FC236}">
                  <a16:creationId xmlns:a16="http://schemas.microsoft.com/office/drawing/2014/main" id="{7D15A8E9-219B-AE46-9162-CCB1635E721F}"/>
                </a:ext>
              </a:extLst>
            </p:cNvPr>
            <p:cNvSpPr/>
            <p:nvPr/>
          </p:nvSpPr>
          <p:spPr>
            <a:xfrm>
              <a:off x="3471015" y="631440"/>
              <a:ext cx="110313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14" y="21600"/>
                  </a:moveTo>
                  <a:cubicBezTo>
                    <a:pt x="10714" y="21600"/>
                    <a:pt x="9504" y="21600"/>
                    <a:pt x="9504" y="21600"/>
                  </a:cubicBezTo>
                  <a:cubicBezTo>
                    <a:pt x="397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74" y="0"/>
                    <a:pt x="9504" y="0"/>
                  </a:cubicBezTo>
                  <a:cubicBezTo>
                    <a:pt x="9504" y="0"/>
                    <a:pt x="10714" y="0"/>
                    <a:pt x="10714" y="0"/>
                  </a:cubicBezTo>
                  <a:lnTo>
                    <a:pt x="11923" y="0"/>
                  </a:lnTo>
                  <a:cubicBezTo>
                    <a:pt x="17539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39" y="21520"/>
                    <a:pt x="11923" y="21600"/>
                  </a:cubicBezTo>
                  <a:cubicBezTo>
                    <a:pt x="11923" y="21600"/>
                    <a:pt x="10800" y="21600"/>
                    <a:pt x="10714" y="21600"/>
                  </a:cubicBezTo>
                  <a:close/>
                  <a:moveTo>
                    <a:pt x="18749" y="8927"/>
                  </a:moveTo>
                  <a:cubicBezTo>
                    <a:pt x="18749" y="3906"/>
                    <a:pt x="15379" y="2311"/>
                    <a:pt x="11923" y="2311"/>
                  </a:cubicBezTo>
                  <a:cubicBezTo>
                    <a:pt x="11923" y="2311"/>
                    <a:pt x="10800" y="2311"/>
                    <a:pt x="10714" y="2311"/>
                  </a:cubicBezTo>
                  <a:cubicBezTo>
                    <a:pt x="10714" y="2311"/>
                    <a:pt x="9504" y="2311"/>
                    <a:pt x="9504" y="2311"/>
                  </a:cubicBezTo>
                  <a:cubicBezTo>
                    <a:pt x="6134" y="2311"/>
                    <a:pt x="2851" y="3906"/>
                    <a:pt x="2851" y="8927"/>
                  </a:cubicBezTo>
                  <a:lnTo>
                    <a:pt x="2851" y="12593"/>
                  </a:lnTo>
                  <a:cubicBezTo>
                    <a:pt x="2851" y="17615"/>
                    <a:pt x="6134" y="19209"/>
                    <a:pt x="9504" y="19289"/>
                  </a:cubicBezTo>
                  <a:cubicBezTo>
                    <a:pt x="9504" y="19289"/>
                    <a:pt x="10714" y="19289"/>
                    <a:pt x="10714" y="19289"/>
                  </a:cubicBezTo>
                  <a:cubicBezTo>
                    <a:pt x="10800" y="19289"/>
                    <a:pt x="11923" y="19289"/>
                    <a:pt x="11923" y="19289"/>
                  </a:cubicBezTo>
                  <a:cubicBezTo>
                    <a:pt x="15379" y="19209"/>
                    <a:pt x="18749" y="17615"/>
                    <a:pt x="18749" y="12593"/>
                  </a:cubicBezTo>
                  <a:lnTo>
                    <a:pt x="18749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" name="Shape 63">
              <a:extLst>
                <a:ext uri="{FF2B5EF4-FFF2-40B4-BE49-F238E27FC236}">
                  <a16:creationId xmlns:a16="http://schemas.microsoft.com/office/drawing/2014/main" id="{49F19A7E-5CAA-BA4A-9903-335F5AFC98D0}"/>
                </a:ext>
              </a:extLst>
            </p:cNvPr>
            <p:cNvSpPr/>
            <p:nvPr/>
          </p:nvSpPr>
          <p:spPr>
            <a:xfrm>
              <a:off x="3893242" y="631440"/>
              <a:ext cx="108412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57" y="21600"/>
                  </a:moveTo>
                  <a:cubicBezTo>
                    <a:pt x="10670" y="21600"/>
                    <a:pt x="9542" y="21600"/>
                    <a:pt x="9455" y="21600"/>
                  </a:cubicBezTo>
                  <a:cubicBezTo>
                    <a:pt x="390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04" y="0"/>
                    <a:pt x="9455" y="0"/>
                  </a:cubicBezTo>
                  <a:cubicBezTo>
                    <a:pt x="9542" y="0"/>
                    <a:pt x="10670" y="0"/>
                    <a:pt x="10757" y="0"/>
                  </a:cubicBezTo>
                  <a:lnTo>
                    <a:pt x="11971" y="0"/>
                  </a:lnTo>
                  <a:cubicBezTo>
                    <a:pt x="17523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23" y="21520"/>
                    <a:pt x="11971" y="21600"/>
                  </a:cubicBezTo>
                  <a:cubicBezTo>
                    <a:pt x="11884" y="21600"/>
                    <a:pt x="10757" y="21600"/>
                    <a:pt x="10757" y="21600"/>
                  </a:cubicBezTo>
                  <a:close/>
                  <a:moveTo>
                    <a:pt x="18737" y="8927"/>
                  </a:moveTo>
                  <a:cubicBezTo>
                    <a:pt x="18737" y="3906"/>
                    <a:pt x="15354" y="2311"/>
                    <a:pt x="11971" y="2311"/>
                  </a:cubicBezTo>
                  <a:cubicBezTo>
                    <a:pt x="11884" y="2311"/>
                    <a:pt x="10757" y="2311"/>
                    <a:pt x="10757" y="2311"/>
                  </a:cubicBezTo>
                  <a:cubicBezTo>
                    <a:pt x="10670" y="2311"/>
                    <a:pt x="9542" y="2311"/>
                    <a:pt x="9455" y="2311"/>
                  </a:cubicBezTo>
                  <a:cubicBezTo>
                    <a:pt x="6072" y="2311"/>
                    <a:pt x="2863" y="3906"/>
                    <a:pt x="2863" y="8927"/>
                  </a:cubicBezTo>
                  <a:lnTo>
                    <a:pt x="2863" y="12593"/>
                  </a:lnTo>
                  <a:cubicBezTo>
                    <a:pt x="2863" y="17615"/>
                    <a:pt x="6072" y="19209"/>
                    <a:pt x="9455" y="19289"/>
                  </a:cubicBezTo>
                  <a:cubicBezTo>
                    <a:pt x="9542" y="19289"/>
                    <a:pt x="10670" y="19289"/>
                    <a:pt x="10757" y="19289"/>
                  </a:cubicBezTo>
                  <a:cubicBezTo>
                    <a:pt x="10757" y="19289"/>
                    <a:pt x="11884" y="19289"/>
                    <a:pt x="11971" y="19289"/>
                  </a:cubicBezTo>
                  <a:cubicBezTo>
                    <a:pt x="15354" y="19209"/>
                    <a:pt x="18737" y="17615"/>
                    <a:pt x="18737" y="12593"/>
                  </a:cubicBezTo>
                  <a:lnTo>
                    <a:pt x="18737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0" name="Shape 64">
              <a:extLst>
                <a:ext uri="{FF2B5EF4-FFF2-40B4-BE49-F238E27FC236}">
                  <a16:creationId xmlns:a16="http://schemas.microsoft.com/office/drawing/2014/main" id="{20AF6EF2-742A-7E46-A50C-F0595B34C4EB}"/>
                </a:ext>
              </a:extLst>
            </p:cNvPr>
            <p:cNvSpPr/>
            <p:nvPr/>
          </p:nvSpPr>
          <p:spPr>
            <a:xfrm>
              <a:off x="3170511" y="631440"/>
              <a:ext cx="108411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14" y="21600"/>
                  </a:moveTo>
                  <a:cubicBezTo>
                    <a:pt x="10714" y="21600"/>
                    <a:pt x="9504" y="21600"/>
                    <a:pt x="9504" y="21600"/>
                  </a:cubicBezTo>
                  <a:cubicBezTo>
                    <a:pt x="397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74" y="0"/>
                    <a:pt x="9504" y="0"/>
                  </a:cubicBezTo>
                  <a:cubicBezTo>
                    <a:pt x="9504" y="0"/>
                    <a:pt x="10714" y="0"/>
                    <a:pt x="10714" y="0"/>
                  </a:cubicBezTo>
                  <a:lnTo>
                    <a:pt x="11923" y="0"/>
                  </a:lnTo>
                  <a:cubicBezTo>
                    <a:pt x="17539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39" y="21520"/>
                    <a:pt x="11923" y="21600"/>
                  </a:cubicBezTo>
                  <a:cubicBezTo>
                    <a:pt x="11923" y="21600"/>
                    <a:pt x="10800" y="21600"/>
                    <a:pt x="10714" y="21600"/>
                  </a:cubicBezTo>
                  <a:close/>
                  <a:moveTo>
                    <a:pt x="18749" y="8927"/>
                  </a:moveTo>
                  <a:cubicBezTo>
                    <a:pt x="18749" y="3906"/>
                    <a:pt x="15379" y="2311"/>
                    <a:pt x="11923" y="2311"/>
                  </a:cubicBezTo>
                  <a:cubicBezTo>
                    <a:pt x="11923" y="2311"/>
                    <a:pt x="10800" y="2311"/>
                    <a:pt x="10714" y="2311"/>
                  </a:cubicBezTo>
                  <a:cubicBezTo>
                    <a:pt x="10714" y="2311"/>
                    <a:pt x="9504" y="2311"/>
                    <a:pt x="9504" y="2311"/>
                  </a:cubicBezTo>
                  <a:cubicBezTo>
                    <a:pt x="6134" y="2311"/>
                    <a:pt x="2851" y="3906"/>
                    <a:pt x="2851" y="8927"/>
                  </a:cubicBezTo>
                  <a:lnTo>
                    <a:pt x="2851" y="12593"/>
                  </a:lnTo>
                  <a:cubicBezTo>
                    <a:pt x="2851" y="17615"/>
                    <a:pt x="6134" y="19209"/>
                    <a:pt x="9504" y="19289"/>
                  </a:cubicBezTo>
                  <a:cubicBezTo>
                    <a:pt x="9590" y="19289"/>
                    <a:pt x="10714" y="19289"/>
                    <a:pt x="10714" y="19289"/>
                  </a:cubicBezTo>
                  <a:cubicBezTo>
                    <a:pt x="10800" y="19289"/>
                    <a:pt x="11923" y="19289"/>
                    <a:pt x="11923" y="19289"/>
                  </a:cubicBezTo>
                  <a:cubicBezTo>
                    <a:pt x="15379" y="19209"/>
                    <a:pt x="18749" y="17615"/>
                    <a:pt x="18749" y="12593"/>
                  </a:cubicBezTo>
                  <a:lnTo>
                    <a:pt x="18749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" name="Shape 65">
              <a:extLst>
                <a:ext uri="{FF2B5EF4-FFF2-40B4-BE49-F238E27FC236}">
                  <a16:creationId xmlns:a16="http://schemas.microsoft.com/office/drawing/2014/main" id="{579CB897-CA49-8A49-9DCD-61A73F705BE7}"/>
                </a:ext>
              </a:extLst>
            </p:cNvPr>
            <p:cNvSpPr/>
            <p:nvPr/>
          </p:nvSpPr>
          <p:spPr>
            <a:xfrm>
              <a:off x="2634168" y="633342"/>
              <a:ext cx="9700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3114" y="13191"/>
                  </a:moveTo>
                  <a:lnTo>
                    <a:pt x="3114" y="21600"/>
                  </a:lnTo>
                  <a:lnTo>
                    <a:pt x="0" y="21600"/>
                  </a:lnTo>
                  <a:lnTo>
                    <a:pt x="0" y="0"/>
                  </a:lnTo>
                  <a:cubicBezTo>
                    <a:pt x="1654" y="0"/>
                    <a:pt x="8270" y="0"/>
                    <a:pt x="9827" y="0"/>
                  </a:cubicBezTo>
                  <a:cubicBezTo>
                    <a:pt x="16249" y="0"/>
                    <a:pt x="21503" y="247"/>
                    <a:pt x="21600" y="6760"/>
                  </a:cubicBezTo>
                  <a:cubicBezTo>
                    <a:pt x="21600" y="13108"/>
                    <a:pt x="15470" y="13191"/>
                    <a:pt x="8270" y="13191"/>
                  </a:cubicBezTo>
                  <a:lnTo>
                    <a:pt x="3114" y="13191"/>
                  </a:lnTo>
                  <a:close/>
                  <a:moveTo>
                    <a:pt x="9827" y="2391"/>
                  </a:moveTo>
                  <a:lnTo>
                    <a:pt x="3114" y="2391"/>
                  </a:lnTo>
                  <a:lnTo>
                    <a:pt x="3114" y="10800"/>
                  </a:lnTo>
                  <a:lnTo>
                    <a:pt x="9146" y="10800"/>
                  </a:lnTo>
                  <a:cubicBezTo>
                    <a:pt x="15276" y="10800"/>
                    <a:pt x="18389" y="10718"/>
                    <a:pt x="18389" y="6760"/>
                  </a:cubicBezTo>
                  <a:cubicBezTo>
                    <a:pt x="18389" y="2473"/>
                    <a:pt x="15470" y="2391"/>
                    <a:pt x="9827" y="2391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" name="Shape 66">
              <a:extLst>
                <a:ext uri="{FF2B5EF4-FFF2-40B4-BE49-F238E27FC236}">
                  <a16:creationId xmlns:a16="http://schemas.microsoft.com/office/drawing/2014/main" id="{0E2AACBB-7564-4F4B-8DE5-BF8521D96EBB}"/>
                </a:ext>
              </a:extLst>
            </p:cNvPr>
            <p:cNvSpPr/>
            <p:nvPr/>
          </p:nvSpPr>
          <p:spPr>
            <a:xfrm>
              <a:off x="2987926" y="633342"/>
              <a:ext cx="10651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0"/>
                  </a:moveTo>
                  <a:lnTo>
                    <a:pt x="21600" y="2391"/>
                  </a:lnTo>
                  <a:lnTo>
                    <a:pt x="12228" y="2391"/>
                  </a:lnTo>
                  <a:lnTo>
                    <a:pt x="12228" y="21600"/>
                  </a:lnTo>
                  <a:lnTo>
                    <a:pt x="9372" y="21600"/>
                  </a:lnTo>
                  <a:lnTo>
                    <a:pt x="9372" y="2391"/>
                  </a:lnTo>
                  <a:lnTo>
                    <a:pt x="0" y="2391"/>
                  </a:lnTo>
                  <a:lnTo>
                    <a:pt x="0" y="0"/>
                  </a:lnTo>
                  <a:lnTo>
                    <a:pt x="21600" y="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" name="Shape 67">
              <a:extLst>
                <a:ext uri="{FF2B5EF4-FFF2-40B4-BE49-F238E27FC236}">
                  <a16:creationId xmlns:a16="http://schemas.microsoft.com/office/drawing/2014/main" id="{81C6B06F-1219-9545-A099-1680A044DFDB}"/>
                </a:ext>
              </a:extLst>
            </p:cNvPr>
            <p:cNvSpPr/>
            <p:nvPr/>
          </p:nvSpPr>
          <p:spPr>
            <a:xfrm>
              <a:off x="3594640" y="633342"/>
              <a:ext cx="104608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0"/>
                  </a:moveTo>
                  <a:lnTo>
                    <a:pt x="21600" y="2391"/>
                  </a:lnTo>
                  <a:lnTo>
                    <a:pt x="12228" y="2391"/>
                  </a:lnTo>
                  <a:lnTo>
                    <a:pt x="12228" y="21600"/>
                  </a:lnTo>
                  <a:lnTo>
                    <a:pt x="9283" y="21600"/>
                  </a:lnTo>
                  <a:lnTo>
                    <a:pt x="9283" y="2391"/>
                  </a:lnTo>
                  <a:lnTo>
                    <a:pt x="0" y="2391"/>
                  </a:lnTo>
                  <a:lnTo>
                    <a:pt x="0" y="0"/>
                  </a:lnTo>
                  <a:lnTo>
                    <a:pt x="21600" y="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" name="Shape 68">
              <a:extLst>
                <a:ext uri="{FF2B5EF4-FFF2-40B4-BE49-F238E27FC236}">
                  <a16:creationId xmlns:a16="http://schemas.microsoft.com/office/drawing/2014/main" id="{3C9DFDD6-8634-234A-8C41-7689BF4BFA88}"/>
                </a:ext>
              </a:extLst>
            </p:cNvPr>
            <p:cNvSpPr/>
            <p:nvPr/>
          </p:nvSpPr>
          <p:spPr>
            <a:xfrm>
              <a:off x="3732529" y="633342"/>
              <a:ext cx="15218" cy="117921"/>
            </a:xfrm>
            <a:prstGeom prst="rect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5" name="Shape 69">
              <a:extLst>
                <a:ext uri="{FF2B5EF4-FFF2-40B4-BE49-F238E27FC236}">
                  <a16:creationId xmlns:a16="http://schemas.microsoft.com/office/drawing/2014/main" id="{A607F9A2-DDF8-0840-9AA0-491B5879B609}"/>
                </a:ext>
              </a:extLst>
            </p:cNvPr>
            <p:cNvSpPr/>
            <p:nvPr/>
          </p:nvSpPr>
          <p:spPr>
            <a:xfrm>
              <a:off x="3309351" y="633342"/>
              <a:ext cx="87491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3529" y="2391"/>
                  </a:moveTo>
                  <a:lnTo>
                    <a:pt x="3529" y="9151"/>
                  </a:lnTo>
                  <a:lnTo>
                    <a:pt x="20745" y="9151"/>
                  </a:lnTo>
                  <a:lnTo>
                    <a:pt x="20745" y="11624"/>
                  </a:lnTo>
                  <a:lnTo>
                    <a:pt x="3529" y="11624"/>
                  </a:lnTo>
                  <a:lnTo>
                    <a:pt x="3529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21600" y="0"/>
                  </a:lnTo>
                  <a:lnTo>
                    <a:pt x="21600" y="2391"/>
                  </a:lnTo>
                  <a:lnTo>
                    <a:pt x="3529" y="2391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6" name="Shape 70">
              <a:extLst>
                <a:ext uri="{FF2B5EF4-FFF2-40B4-BE49-F238E27FC236}">
                  <a16:creationId xmlns:a16="http://schemas.microsoft.com/office/drawing/2014/main" id="{827CDD53-66D3-8545-8D68-F3CB39DDFDDE}"/>
                </a:ext>
              </a:extLst>
            </p:cNvPr>
            <p:cNvSpPr/>
            <p:nvPr/>
          </p:nvSpPr>
          <p:spPr>
            <a:xfrm>
              <a:off x="4032083" y="633342"/>
              <a:ext cx="10651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8955" y="18797"/>
                  </a:moveTo>
                  <a:lnTo>
                    <a:pt x="19043" y="18797"/>
                  </a:lnTo>
                  <a:cubicBezTo>
                    <a:pt x="18955" y="17066"/>
                    <a:pt x="18867" y="15334"/>
                    <a:pt x="18867" y="14015"/>
                  </a:cubicBezTo>
                  <a:lnTo>
                    <a:pt x="18867" y="0"/>
                  </a:lnTo>
                  <a:lnTo>
                    <a:pt x="21600" y="0"/>
                  </a:lnTo>
                  <a:lnTo>
                    <a:pt x="21600" y="21600"/>
                  </a:lnTo>
                  <a:lnTo>
                    <a:pt x="17544" y="21600"/>
                  </a:lnTo>
                  <a:lnTo>
                    <a:pt x="2557" y="2473"/>
                  </a:lnTo>
                  <a:cubicBezTo>
                    <a:pt x="2645" y="3875"/>
                    <a:pt x="2645" y="5441"/>
                    <a:pt x="2645" y="6925"/>
                  </a:cubicBezTo>
                  <a:lnTo>
                    <a:pt x="2645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4144" y="0"/>
                  </a:lnTo>
                  <a:lnTo>
                    <a:pt x="18955" y="1879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7" name="Shape 71">
              <a:extLst>
                <a:ext uri="{FF2B5EF4-FFF2-40B4-BE49-F238E27FC236}">
                  <a16:creationId xmlns:a16="http://schemas.microsoft.com/office/drawing/2014/main" id="{51143F63-C52E-8E4F-BBED-25FC6358EFE4}"/>
                </a:ext>
              </a:extLst>
            </p:cNvPr>
            <p:cNvSpPr/>
            <p:nvPr/>
          </p:nvSpPr>
          <p:spPr>
            <a:xfrm>
              <a:off x="2733068" y="633342"/>
              <a:ext cx="121725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800" y="14510"/>
                  </a:moveTo>
                  <a:lnTo>
                    <a:pt x="5246" y="14510"/>
                  </a:lnTo>
                  <a:lnTo>
                    <a:pt x="2469" y="21600"/>
                  </a:lnTo>
                  <a:lnTo>
                    <a:pt x="0" y="21600"/>
                  </a:lnTo>
                  <a:lnTo>
                    <a:pt x="8563" y="0"/>
                  </a:lnTo>
                  <a:lnTo>
                    <a:pt x="13037" y="0"/>
                  </a:lnTo>
                  <a:lnTo>
                    <a:pt x="21600" y="21600"/>
                  </a:lnTo>
                  <a:lnTo>
                    <a:pt x="19054" y="21600"/>
                  </a:lnTo>
                  <a:lnTo>
                    <a:pt x="16354" y="14510"/>
                  </a:lnTo>
                  <a:lnTo>
                    <a:pt x="10800" y="14510"/>
                  </a:lnTo>
                  <a:close/>
                  <a:moveTo>
                    <a:pt x="15429" y="12037"/>
                  </a:moveTo>
                  <a:lnTo>
                    <a:pt x="12806" y="5771"/>
                  </a:lnTo>
                  <a:cubicBezTo>
                    <a:pt x="12343" y="4617"/>
                    <a:pt x="11957" y="3545"/>
                    <a:pt x="11571" y="2226"/>
                  </a:cubicBezTo>
                  <a:lnTo>
                    <a:pt x="9951" y="2226"/>
                  </a:lnTo>
                  <a:cubicBezTo>
                    <a:pt x="9643" y="3545"/>
                    <a:pt x="9257" y="4617"/>
                    <a:pt x="8794" y="5771"/>
                  </a:cubicBezTo>
                  <a:lnTo>
                    <a:pt x="6171" y="12037"/>
                  </a:lnTo>
                  <a:lnTo>
                    <a:pt x="15429" y="1203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8" name="Shape 72">
              <a:extLst>
                <a:ext uri="{FF2B5EF4-FFF2-40B4-BE49-F238E27FC236}">
                  <a16:creationId xmlns:a16="http://schemas.microsoft.com/office/drawing/2014/main" id="{364240B6-9052-E643-B140-A7B7C600D902}"/>
                </a:ext>
              </a:extLst>
            </p:cNvPr>
            <p:cNvSpPr/>
            <p:nvPr/>
          </p:nvSpPr>
          <p:spPr>
            <a:xfrm>
              <a:off x="3784833" y="631440"/>
              <a:ext cx="83687" cy="11982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2712" y="21600"/>
                  </a:moveTo>
                  <a:cubicBezTo>
                    <a:pt x="6862" y="21600"/>
                    <a:pt x="0" y="19846"/>
                    <a:pt x="0" y="12514"/>
                  </a:cubicBezTo>
                  <a:lnTo>
                    <a:pt x="0" y="9086"/>
                  </a:lnTo>
                  <a:cubicBezTo>
                    <a:pt x="0" y="1754"/>
                    <a:pt x="6862" y="0"/>
                    <a:pt x="12712" y="0"/>
                  </a:cubicBezTo>
                  <a:cubicBezTo>
                    <a:pt x="16200" y="0"/>
                    <a:pt x="20025" y="399"/>
                    <a:pt x="21600" y="478"/>
                  </a:cubicBezTo>
                  <a:lnTo>
                    <a:pt x="21600" y="2630"/>
                  </a:lnTo>
                  <a:cubicBezTo>
                    <a:pt x="19237" y="2471"/>
                    <a:pt x="15525" y="2311"/>
                    <a:pt x="12712" y="2311"/>
                  </a:cubicBezTo>
                  <a:cubicBezTo>
                    <a:pt x="7312" y="2311"/>
                    <a:pt x="3600" y="3906"/>
                    <a:pt x="3600" y="9086"/>
                  </a:cubicBezTo>
                  <a:lnTo>
                    <a:pt x="3600" y="12514"/>
                  </a:lnTo>
                  <a:cubicBezTo>
                    <a:pt x="3600" y="17694"/>
                    <a:pt x="7312" y="19289"/>
                    <a:pt x="12712" y="19289"/>
                  </a:cubicBezTo>
                  <a:cubicBezTo>
                    <a:pt x="15525" y="19289"/>
                    <a:pt x="19237" y="19129"/>
                    <a:pt x="21600" y="19049"/>
                  </a:cubicBezTo>
                  <a:lnTo>
                    <a:pt x="21600" y="21122"/>
                  </a:lnTo>
                  <a:cubicBezTo>
                    <a:pt x="20025" y="21281"/>
                    <a:pt x="16200" y="21600"/>
                    <a:pt x="12712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9" name="Shape 73">
              <a:extLst>
                <a:ext uri="{FF2B5EF4-FFF2-40B4-BE49-F238E27FC236}">
                  <a16:creationId xmlns:a16="http://schemas.microsoft.com/office/drawing/2014/main" id="{EA4C4B52-FA23-5749-A028-694BF1801D83}"/>
                </a:ext>
              </a:extLst>
            </p:cNvPr>
            <p:cNvSpPr/>
            <p:nvPr/>
          </p:nvSpPr>
          <p:spPr>
            <a:xfrm>
              <a:off x="2873810" y="633342"/>
              <a:ext cx="102706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21600"/>
                  </a:moveTo>
                  <a:lnTo>
                    <a:pt x="15559" y="12614"/>
                  </a:lnTo>
                  <a:cubicBezTo>
                    <a:pt x="18488" y="11954"/>
                    <a:pt x="20319" y="10388"/>
                    <a:pt x="20319" y="6760"/>
                  </a:cubicBezTo>
                  <a:cubicBezTo>
                    <a:pt x="20319" y="247"/>
                    <a:pt x="15285" y="0"/>
                    <a:pt x="9244" y="0"/>
                  </a:cubicBezTo>
                  <a:cubicBezTo>
                    <a:pt x="7780" y="0"/>
                    <a:pt x="1556" y="0"/>
                    <a:pt x="0" y="0"/>
                  </a:cubicBezTo>
                  <a:lnTo>
                    <a:pt x="0" y="21600"/>
                  </a:lnTo>
                  <a:lnTo>
                    <a:pt x="2929" y="21600"/>
                  </a:lnTo>
                  <a:lnTo>
                    <a:pt x="2929" y="13191"/>
                  </a:lnTo>
                  <a:lnTo>
                    <a:pt x="7780" y="13191"/>
                  </a:lnTo>
                  <a:cubicBezTo>
                    <a:pt x="9519" y="13191"/>
                    <a:pt x="11166" y="13191"/>
                    <a:pt x="12631" y="13108"/>
                  </a:cubicBezTo>
                  <a:lnTo>
                    <a:pt x="18305" y="21600"/>
                  </a:lnTo>
                  <a:lnTo>
                    <a:pt x="21600" y="21600"/>
                  </a:lnTo>
                  <a:close/>
                  <a:moveTo>
                    <a:pt x="2929" y="10800"/>
                  </a:moveTo>
                  <a:lnTo>
                    <a:pt x="2929" y="2391"/>
                  </a:lnTo>
                  <a:lnTo>
                    <a:pt x="9244" y="2391"/>
                  </a:lnTo>
                  <a:cubicBezTo>
                    <a:pt x="14553" y="2391"/>
                    <a:pt x="17298" y="2473"/>
                    <a:pt x="17298" y="6760"/>
                  </a:cubicBezTo>
                  <a:cubicBezTo>
                    <a:pt x="17298" y="10718"/>
                    <a:pt x="14369" y="10800"/>
                    <a:pt x="8603" y="10800"/>
                  </a:cubicBezTo>
                  <a:lnTo>
                    <a:pt x="2929" y="108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0" name="Shape 74">
              <a:extLst>
                <a:ext uri="{FF2B5EF4-FFF2-40B4-BE49-F238E27FC236}">
                  <a16:creationId xmlns:a16="http://schemas.microsoft.com/office/drawing/2014/main" id="{F6CAFDC4-D5BA-594D-8B4D-7BAECFB55261}"/>
                </a:ext>
              </a:extLst>
            </p:cNvPr>
            <p:cNvSpPr/>
            <p:nvPr/>
          </p:nvSpPr>
          <p:spPr>
            <a:xfrm>
              <a:off x="684693" y="325229"/>
              <a:ext cx="136941" cy="21872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21600"/>
                  </a:moveTo>
                  <a:lnTo>
                    <a:pt x="0" y="0"/>
                  </a:lnTo>
                  <a:lnTo>
                    <a:pt x="21600" y="0"/>
                  </a:lnTo>
                  <a:lnTo>
                    <a:pt x="21600" y="3330"/>
                  </a:lnTo>
                  <a:lnTo>
                    <a:pt x="6349" y="3330"/>
                  </a:lnTo>
                  <a:lnTo>
                    <a:pt x="6349" y="8850"/>
                  </a:lnTo>
                  <a:lnTo>
                    <a:pt x="20634" y="8850"/>
                  </a:lnTo>
                  <a:lnTo>
                    <a:pt x="20634" y="12092"/>
                  </a:lnTo>
                  <a:lnTo>
                    <a:pt x="6349" y="12092"/>
                  </a:lnTo>
                  <a:lnTo>
                    <a:pt x="6349" y="18226"/>
                  </a:lnTo>
                  <a:lnTo>
                    <a:pt x="21600" y="18226"/>
                  </a:lnTo>
                  <a:lnTo>
                    <a:pt x="21600" y="21600"/>
                  </a:lnTo>
                  <a:lnTo>
                    <a:pt x="0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1" name="Shape 75">
              <a:extLst>
                <a:ext uri="{FF2B5EF4-FFF2-40B4-BE49-F238E27FC236}">
                  <a16:creationId xmlns:a16="http://schemas.microsoft.com/office/drawing/2014/main" id="{030431E5-BB01-8D47-BA76-AAC5048F9C0A}"/>
                </a:ext>
              </a:extLst>
            </p:cNvPr>
            <p:cNvSpPr/>
            <p:nvPr/>
          </p:nvSpPr>
          <p:spPr>
            <a:xfrm>
              <a:off x="859670" y="374679"/>
              <a:ext cx="91295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8949" y="5809"/>
                  </a:moveTo>
                  <a:lnTo>
                    <a:pt x="8949" y="21600"/>
                  </a:lnTo>
                  <a:lnTo>
                    <a:pt x="0" y="21600"/>
                  </a:lnTo>
                  <a:lnTo>
                    <a:pt x="0" y="508"/>
                  </a:lnTo>
                  <a:lnTo>
                    <a:pt x="8537" y="508"/>
                  </a:lnTo>
                  <a:lnTo>
                    <a:pt x="8537" y="2199"/>
                  </a:lnTo>
                  <a:cubicBezTo>
                    <a:pt x="12137" y="451"/>
                    <a:pt x="16869" y="0"/>
                    <a:pt x="21600" y="0"/>
                  </a:cubicBezTo>
                  <a:lnTo>
                    <a:pt x="21600" y="4512"/>
                  </a:lnTo>
                  <a:cubicBezTo>
                    <a:pt x="16971" y="4512"/>
                    <a:pt x="11829" y="5019"/>
                    <a:pt x="8949" y="5809"/>
                  </a:cubicBez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2" name="Shape 76">
              <a:extLst>
                <a:ext uri="{FF2B5EF4-FFF2-40B4-BE49-F238E27FC236}">
                  <a16:creationId xmlns:a16="http://schemas.microsoft.com/office/drawing/2014/main" id="{33CFEE5E-A79D-294F-AB35-8F1ED2FA2104}"/>
                </a:ext>
              </a:extLst>
            </p:cNvPr>
            <p:cNvSpPr/>
            <p:nvPr/>
          </p:nvSpPr>
          <p:spPr>
            <a:xfrm>
              <a:off x="977590" y="315719"/>
              <a:ext cx="39942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21600" y="0"/>
                  </a:lnTo>
                  <a:lnTo>
                    <a:pt x="21600" y="3516"/>
                  </a:lnTo>
                  <a:lnTo>
                    <a:pt x="0" y="3516"/>
                  </a:lnTo>
                  <a:lnTo>
                    <a:pt x="0" y="0"/>
                  </a:lnTo>
                  <a:close/>
                  <a:moveTo>
                    <a:pt x="240" y="5944"/>
                  </a:moveTo>
                  <a:lnTo>
                    <a:pt x="21360" y="5944"/>
                  </a:lnTo>
                  <a:lnTo>
                    <a:pt x="21360" y="21600"/>
                  </a:lnTo>
                  <a:lnTo>
                    <a:pt x="240" y="21600"/>
                  </a:lnTo>
                  <a:lnTo>
                    <a:pt x="240" y="5944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3" name="Shape 77">
              <a:extLst>
                <a:ext uri="{FF2B5EF4-FFF2-40B4-BE49-F238E27FC236}">
                  <a16:creationId xmlns:a16="http://schemas.microsoft.com/office/drawing/2014/main" id="{7F09885C-2EBD-BA49-8944-44D0F46259F5}"/>
                </a:ext>
              </a:extLst>
            </p:cNvPr>
            <p:cNvSpPr/>
            <p:nvPr/>
          </p:nvSpPr>
          <p:spPr>
            <a:xfrm>
              <a:off x="1061274" y="315719"/>
              <a:ext cx="140745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4600" y="21600"/>
                  </a:moveTo>
                  <a:lnTo>
                    <a:pt x="5800" y="14149"/>
                  </a:lnTo>
                  <a:lnTo>
                    <a:pt x="5800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5800" y="0"/>
                  </a:lnTo>
                  <a:lnTo>
                    <a:pt x="5800" y="12935"/>
                  </a:lnTo>
                  <a:lnTo>
                    <a:pt x="14600" y="5944"/>
                  </a:lnTo>
                  <a:lnTo>
                    <a:pt x="21333" y="5944"/>
                  </a:lnTo>
                  <a:lnTo>
                    <a:pt x="11667" y="13437"/>
                  </a:lnTo>
                  <a:lnTo>
                    <a:pt x="21600" y="21600"/>
                  </a:lnTo>
                  <a:lnTo>
                    <a:pt x="14600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4" name="Shape 78">
              <a:extLst>
                <a:ext uri="{FF2B5EF4-FFF2-40B4-BE49-F238E27FC236}">
                  <a16:creationId xmlns:a16="http://schemas.microsoft.com/office/drawing/2014/main" id="{6B037B31-7FA2-3F4E-B554-77950D835573}"/>
                </a:ext>
              </a:extLst>
            </p:cNvPr>
            <p:cNvSpPr/>
            <p:nvPr/>
          </p:nvSpPr>
          <p:spPr>
            <a:xfrm>
              <a:off x="1217232" y="374680"/>
              <a:ext cx="123628" cy="173077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115" y="21600"/>
                  </a:moveTo>
                  <a:cubicBezTo>
                    <a:pt x="6161" y="21600"/>
                    <a:pt x="1673" y="21104"/>
                    <a:pt x="380" y="20773"/>
                  </a:cubicBezTo>
                  <a:lnTo>
                    <a:pt x="380" y="17357"/>
                  </a:lnTo>
                  <a:cubicBezTo>
                    <a:pt x="1825" y="17412"/>
                    <a:pt x="6161" y="17853"/>
                    <a:pt x="9811" y="17853"/>
                  </a:cubicBezTo>
                  <a:cubicBezTo>
                    <a:pt x="13918" y="17853"/>
                    <a:pt x="15059" y="17137"/>
                    <a:pt x="15059" y="15649"/>
                  </a:cubicBezTo>
                  <a:cubicBezTo>
                    <a:pt x="15059" y="14216"/>
                    <a:pt x="14146" y="13886"/>
                    <a:pt x="9963" y="12673"/>
                  </a:cubicBezTo>
                  <a:lnTo>
                    <a:pt x="7834" y="12067"/>
                  </a:lnTo>
                  <a:cubicBezTo>
                    <a:pt x="2434" y="10524"/>
                    <a:pt x="0" y="8761"/>
                    <a:pt x="0" y="5565"/>
                  </a:cubicBezTo>
                  <a:cubicBezTo>
                    <a:pt x="0" y="1433"/>
                    <a:pt x="3803" y="0"/>
                    <a:pt x="11332" y="0"/>
                  </a:cubicBezTo>
                  <a:cubicBezTo>
                    <a:pt x="14603" y="0"/>
                    <a:pt x="18786" y="441"/>
                    <a:pt x="20231" y="771"/>
                  </a:cubicBezTo>
                  <a:lnTo>
                    <a:pt x="20231" y="4133"/>
                  </a:lnTo>
                  <a:cubicBezTo>
                    <a:pt x="17037" y="3912"/>
                    <a:pt x="13918" y="3802"/>
                    <a:pt x="11408" y="3802"/>
                  </a:cubicBezTo>
                  <a:cubicBezTo>
                    <a:pt x="7986" y="3802"/>
                    <a:pt x="6541" y="4022"/>
                    <a:pt x="6541" y="5455"/>
                  </a:cubicBezTo>
                  <a:cubicBezTo>
                    <a:pt x="6541" y="6778"/>
                    <a:pt x="7530" y="7163"/>
                    <a:pt x="11028" y="8155"/>
                  </a:cubicBezTo>
                  <a:lnTo>
                    <a:pt x="13310" y="8816"/>
                  </a:lnTo>
                  <a:cubicBezTo>
                    <a:pt x="19394" y="10580"/>
                    <a:pt x="21524" y="11957"/>
                    <a:pt x="21600" y="15373"/>
                  </a:cubicBezTo>
                  <a:cubicBezTo>
                    <a:pt x="21600" y="19231"/>
                    <a:pt x="18025" y="21600"/>
                    <a:pt x="10115" y="21600"/>
                  </a:cubicBez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5" name="Shape 79">
              <a:extLst>
                <a:ext uri="{FF2B5EF4-FFF2-40B4-BE49-F238E27FC236}">
                  <a16:creationId xmlns:a16="http://schemas.microsoft.com/office/drawing/2014/main" id="{D74B21D4-796B-4B46-AD39-2F77FFBDBD95}"/>
                </a:ext>
              </a:extLst>
            </p:cNvPr>
            <p:cNvSpPr/>
            <p:nvPr/>
          </p:nvSpPr>
          <p:spPr>
            <a:xfrm>
              <a:off x="1371288" y="315719"/>
              <a:ext cx="142647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5703" y="21600"/>
                  </a:moveTo>
                  <a:lnTo>
                    <a:pt x="15703" y="11721"/>
                  </a:lnTo>
                  <a:cubicBezTo>
                    <a:pt x="15703" y="9293"/>
                    <a:pt x="14709" y="8623"/>
                    <a:pt x="11794" y="8623"/>
                  </a:cubicBezTo>
                  <a:cubicBezTo>
                    <a:pt x="9475" y="8623"/>
                    <a:pt x="7090" y="9126"/>
                    <a:pt x="5764" y="9502"/>
                  </a:cubicBezTo>
                  <a:lnTo>
                    <a:pt x="5764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5764" y="0"/>
                  </a:lnTo>
                  <a:lnTo>
                    <a:pt x="5764" y="6740"/>
                  </a:lnTo>
                  <a:cubicBezTo>
                    <a:pt x="7487" y="6153"/>
                    <a:pt x="10270" y="5567"/>
                    <a:pt x="13450" y="5567"/>
                  </a:cubicBezTo>
                  <a:cubicBezTo>
                    <a:pt x="19546" y="5567"/>
                    <a:pt x="21600" y="7870"/>
                    <a:pt x="21600" y="11679"/>
                  </a:cubicBezTo>
                  <a:lnTo>
                    <a:pt x="21600" y="21600"/>
                  </a:lnTo>
                  <a:lnTo>
                    <a:pt x="15703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6" name="Shape 80">
              <a:extLst>
                <a:ext uri="{FF2B5EF4-FFF2-40B4-BE49-F238E27FC236}">
                  <a16:creationId xmlns:a16="http://schemas.microsoft.com/office/drawing/2014/main" id="{593FEDD5-9611-FE4F-A866-8CBF92F70B1A}"/>
                </a:ext>
              </a:extLst>
            </p:cNvPr>
            <p:cNvSpPr/>
            <p:nvPr/>
          </p:nvSpPr>
          <p:spPr>
            <a:xfrm>
              <a:off x="1542462" y="374680"/>
              <a:ext cx="148352" cy="174979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832" y="21600"/>
                  </a:moveTo>
                  <a:cubicBezTo>
                    <a:pt x="3846" y="21600"/>
                    <a:pt x="0" y="18522"/>
                    <a:pt x="0" y="12037"/>
                  </a:cubicBezTo>
                  <a:lnTo>
                    <a:pt x="0" y="9508"/>
                  </a:lnTo>
                  <a:cubicBezTo>
                    <a:pt x="0" y="3023"/>
                    <a:pt x="3846" y="0"/>
                    <a:pt x="10832" y="0"/>
                  </a:cubicBezTo>
                  <a:cubicBezTo>
                    <a:pt x="17754" y="0"/>
                    <a:pt x="21600" y="3023"/>
                    <a:pt x="21600" y="9508"/>
                  </a:cubicBezTo>
                  <a:lnTo>
                    <a:pt x="21600" y="12037"/>
                  </a:lnTo>
                  <a:cubicBezTo>
                    <a:pt x="21600" y="18522"/>
                    <a:pt x="17754" y="21600"/>
                    <a:pt x="10832" y="21600"/>
                  </a:cubicBezTo>
                  <a:close/>
                  <a:moveTo>
                    <a:pt x="16024" y="9508"/>
                  </a:moveTo>
                  <a:cubicBezTo>
                    <a:pt x="16024" y="5551"/>
                    <a:pt x="14485" y="4122"/>
                    <a:pt x="10832" y="4122"/>
                  </a:cubicBezTo>
                  <a:cubicBezTo>
                    <a:pt x="7179" y="4122"/>
                    <a:pt x="5576" y="5551"/>
                    <a:pt x="5576" y="9508"/>
                  </a:cubicBezTo>
                  <a:lnTo>
                    <a:pt x="5576" y="12037"/>
                  </a:lnTo>
                  <a:cubicBezTo>
                    <a:pt x="5576" y="15939"/>
                    <a:pt x="7179" y="17478"/>
                    <a:pt x="10832" y="17478"/>
                  </a:cubicBezTo>
                  <a:cubicBezTo>
                    <a:pt x="14485" y="17478"/>
                    <a:pt x="16024" y="15939"/>
                    <a:pt x="16024" y="12037"/>
                  </a:cubicBezTo>
                  <a:lnTo>
                    <a:pt x="16024" y="9508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7" name="Shape 81">
              <a:extLst>
                <a:ext uri="{FF2B5EF4-FFF2-40B4-BE49-F238E27FC236}">
                  <a16:creationId xmlns:a16="http://schemas.microsoft.com/office/drawing/2014/main" id="{53EAA28E-24DD-8B44-8714-2BBCF2DC3E58}"/>
                </a:ext>
              </a:extLst>
            </p:cNvPr>
            <p:cNvSpPr/>
            <p:nvPr/>
          </p:nvSpPr>
          <p:spPr>
            <a:xfrm>
              <a:off x="1723145" y="315719"/>
              <a:ext cx="38039" cy="228233"/>
            </a:xfrm>
            <a:prstGeom prst="rect">
              <a:avLst/>
            </a:pr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8" name="Shape 82">
              <a:extLst>
                <a:ext uri="{FF2B5EF4-FFF2-40B4-BE49-F238E27FC236}">
                  <a16:creationId xmlns:a16="http://schemas.microsoft.com/office/drawing/2014/main" id="{A4BB2C53-9865-F549-B629-73323A4795AD}"/>
                </a:ext>
              </a:extLst>
            </p:cNvPr>
            <p:cNvSpPr/>
            <p:nvPr/>
          </p:nvSpPr>
          <p:spPr>
            <a:xfrm>
              <a:off x="1804928" y="374679"/>
              <a:ext cx="222527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866" y="21600"/>
                  </a:moveTo>
                  <a:lnTo>
                    <a:pt x="17866" y="7783"/>
                  </a:lnTo>
                  <a:cubicBezTo>
                    <a:pt x="17866" y="5470"/>
                    <a:pt x="17823" y="4117"/>
                    <a:pt x="15871" y="4117"/>
                  </a:cubicBezTo>
                  <a:cubicBezTo>
                    <a:pt x="14980" y="4117"/>
                    <a:pt x="13664" y="4568"/>
                    <a:pt x="12561" y="5358"/>
                  </a:cubicBezTo>
                  <a:cubicBezTo>
                    <a:pt x="12646" y="6204"/>
                    <a:pt x="12646" y="6993"/>
                    <a:pt x="12646" y="7783"/>
                  </a:cubicBezTo>
                  <a:lnTo>
                    <a:pt x="12646" y="21600"/>
                  </a:lnTo>
                  <a:lnTo>
                    <a:pt x="8954" y="21600"/>
                  </a:lnTo>
                  <a:lnTo>
                    <a:pt x="8954" y="7783"/>
                  </a:lnTo>
                  <a:cubicBezTo>
                    <a:pt x="8954" y="5414"/>
                    <a:pt x="8912" y="4117"/>
                    <a:pt x="7129" y="4117"/>
                  </a:cubicBezTo>
                  <a:cubicBezTo>
                    <a:pt x="5941" y="4117"/>
                    <a:pt x="4668" y="4794"/>
                    <a:pt x="3692" y="5470"/>
                  </a:cubicBezTo>
                  <a:lnTo>
                    <a:pt x="3692" y="21600"/>
                  </a:lnTo>
                  <a:lnTo>
                    <a:pt x="0" y="21600"/>
                  </a:lnTo>
                  <a:lnTo>
                    <a:pt x="0" y="508"/>
                  </a:lnTo>
                  <a:lnTo>
                    <a:pt x="3565" y="508"/>
                  </a:lnTo>
                  <a:lnTo>
                    <a:pt x="3565" y="2199"/>
                  </a:lnTo>
                  <a:cubicBezTo>
                    <a:pt x="4838" y="846"/>
                    <a:pt x="6535" y="0"/>
                    <a:pt x="8275" y="0"/>
                  </a:cubicBezTo>
                  <a:cubicBezTo>
                    <a:pt x="10185" y="0"/>
                    <a:pt x="11246" y="846"/>
                    <a:pt x="11882" y="2256"/>
                  </a:cubicBezTo>
                  <a:cubicBezTo>
                    <a:pt x="13707" y="620"/>
                    <a:pt x="15362" y="0"/>
                    <a:pt x="16805" y="0"/>
                  </a:cubicBezTo>
                  <a:cubicBezTo>
                    <a:pt x="21303" y="0"/>
                    <a:pt x="21600" y="3891"/>
                    <a:pt x="21600" y="7670"/>
                  </a:cubicBezTo>
                  <a:lnTo>
                    <a:pt x="21600" y="21600"/>
                  </a:lnTo>
                  <a:lnTo>
                    <a:pt x="17866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9" name="Shape 83">
              <a:extLst>
                <a:ext uri="{FF2B5EF4-FFF2-40B4-BE49-F238E27FC236}">
                  <a16:creationId xmlns:a16="http://schemas.microsoft.com/office/drawing/2014/main" id="{0DC145A6-41B9-0E4B-8A55-9DA557E7CF95}"/>
                </a:ext>
              </a:extLst>
            </p:cNvPr>
            <p:cNvSpPr/>
            <p:nvPr/>
          </p:nvSpPr>
          <p:spPr>
            <a:xfrm>
              <a:off x="2069295" y="325229"/>
              <a:ext cx="154058" cy="21872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194" y="21600"/>
                  </a:moveTo>
                  <a:lnTo>
                    <a:pt x="10096" y="13144"/>
                  </a:lnTo>
                  <a:cubicBezTo>
                    <a:pt x="9240" y="13188"/>
                    <a:pt x="8138" y="13188"/>
                    <a:pt x="7220" y="13188"/>
                  </a:cubicBezTo>
                  <a:lnTo>
                    <a:pt x="3733" y="13188"/>
                  </a:lnTo>
                  <a:lnTo>
                    <a:pt x="3733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7098" y="0"/>
                  </a:lnTo>
                  <a:cubicBezTo>
                    <a:pt x="14074" y="0"/>
                    <a:pt x="19703" y="1008"/>
                    <a:pt x="19703" y="6572"/>
                  </a:cubicBezTo>
                  <a:cubicBezTo>
                    <a:pt x="19703" y="10033"/>
                    <a:pt x="17561" y="11742"/>
                    <a:pt x="14074" y="12618"/>
                  </a:cubicBezTo>
                  <a:lnTo>
                    <a:pt x="21600" y="21600"/>
                  </a:lnTo>
                  <a:lnTo>
                    <a:pt x="17194" y="21600"/>
                  </a:lnTo>
                  <a:close/>
                  <a:moveTo>
                    <a:pt x="7098" y="2366"/>
                  </a:moveTo>
                  <a:lnTo>
                    <a:pt x="3733" y="2366"/>
                  </a:lnTo>
                  <a:lnTo>
                    <a:pt x="3733" y="10822"/>
                  </a:lnTo>
                  <a:lnTo>
                    <a:pt x="7220" y="10822"/>
                  </a:lnTo>
                  <a:cubicBezTo>
                    <a:pt x="13156" y="10822"/>
                    <a:pt x="15909" y="9989"/>
                    <a:pt x="15909" y="6572"/>
                  </a:cubicBezTo>
                  <a:cubicBezTo>
                    <a:pt x="15909" y="2979"/>
                    <a:pt x="12972" y="2366"/>
                    <a:pt x="7098" y="236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0" name="Shape 84">
              <a:extLst>
                <a:ext uri="{FF2B5EF4-FFF2-40B4-BE49-F238E27FC236}">
                  <a16:creationId xmlns:a16="http://schemas.microsoft.com/office/drawing/2014/main" id="{D56D5338-8A2D-324A-873C-4B4A0AF4A925}"/>
                </a:ext>
              </a:extLst>
            </p:cNvPr>
            <p:cNvSpPr/>
            <p:nvPr/>
          </p:nvSpPr>
          <p:spPr>
            <a:xfrm>
              <a:off x="2242371" y="378483"/>
              <a:ext cx="135039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098" y="12037"/>
                  </a:moveTo>
                  <a:lnTo>
                    <a:pt x="4098" y="12431"/>
                  </a:lnTo>
                  <a:cubicBezTo>
                    <a:pt x="4098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766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696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098" y="12037"/>
                  </a:lnTo>
                  <a:close/>
                  <a:moveTo>
                    <a:pt x="17294" y="8888"/>
                  </a:moveTo>
                  <a:cubicBezTo>
                    <a:pt x="17294" y="6412"/>
                    <a:pt x="16669" y="2925"/>
                    <a:pt x="10765" y="2925"/>
                  </a:cubicBezTo>
                  <a:cubicBezTo>
                    <a:pt x="4931" y="2925"/>
                    <a:pt x="4167" y="6412"/>
                    <a:pt x="4167" y="8888"/>
                  </a:cubicBezTo>
                  <a:lnTo>
                    <a:pt x="4167" y="9281"/>
                  </a:lnTo>
                  <a:lnTo>
                    <a:pt x="17294" y="9281"/>
                  </a:lnTo>
                  <a:lnTo>
                    <a:pt x="17294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1" name="Shape 85">
              <a:extLst>
                <a:ext uri="{FF2B5EF4-FFF2-40B4-BE49-F238E27FC236}">
                  <a16:creationId xmlns:a16="http://schemas.microsoft.com/office/drawing/2014/main" id="{57971342-1656-F042-99FC-2A4A9B5D6321}"/>
                </a:ext>
              </a:extLst>
            </p:cNvPr>
            <p:cNvSpPr/>
            <p:nvPr/>
          </p:nvSpPr>
          <p:spPr>
            <a:xfrm>
              <a:off x="2405936" y="378483"/>
              <a:ext cx="114118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302" y="21600"/>
                  </a:moveTo>
                  <a:cubicBezTo>
                    <a:pt x="6065" y="21600"/>
                    <a:pt x="1412" y="20981"/>
                    <a:pt x="415" y="20756"/>
                  </a:cubicBezTo>
                  <a:lnTo>
                    <a:pt x="415" y="18169"/>
                  </a:lnTo>
                  <a:cubicBezTo>
                    <a:pt x="2243" y="18281"/>
                    <a:pt x="6480" y="18731"/>
                    <a:pt x="10135" y="18731"/>
                  </a:cubicBezTo>
                  <a:cubicBezTo>
                    <a:pt x="15286" y="18731"/>
                    <a:pt x="16615" y="17775"/>
                    <a:pt x="16615" y="15975"/>
                  </a:cubicBezTo>
                  <a:cubicBezTo>
                    <a:pt x="16615" y="14119"/>
                    <a:pt x="15702" y="13556"/>
                    <a:pt x="10551" y="12094"/>
                  </a:cubicBezTo>
                  <a:lnTo>
                    <a:pt x="8308" y="11419"/>
                  </a:lnTo>
                  <a:cubicBezTo>
                    <a:pt x="2492" y="9731"/>
                    <a:pt x="0" y="8100"/>
                    <a:pt x="0" y="5119"/>
                  </a:cubicBezTo>
                  <a:cubicBezTo>
                    <a:pt x="0" y="1687"/>
                    <a:pt x="3323" y="0"/>
                    <a:pt x="10966" y="0"/>
                  </a:cubicBezTo>
                  <a:cubicBezTo>
                    <a:pt x="15037" y="0"/>
                    <a:pt x="19025" y="506"/>
                    <a:pt x="20105" y="787"/>
                  </a:cubicBezTo>
                  <a:lnTo>
                    <a:pt x="20105" y="3262"/>
                  </a:lnTo>
                  <a:cubicBezTo>
                    <a:pt x="16948" y="3037"/>
                    <a:pt x="13292" y="2869"/>
                    <a:pt x="11215" y="2869"/>
                  </a:cubicBezTo>
                  <a:cubicBezTo>
                    <a:pt x="6812" y="2869"/>
                    <a:pt x="4985" y="3262"/>
                    <a:pt x="4985" y="5119"/>
                  </a:cubicBezTo>
                  <a:cubicBezTo>
                    <a:pt x="4985" y="6750"/>
                    <a:pt x="5982" y="7425"/>
                    <a:pt x="10218" y="8662"/>
                  </a:cubicBezTo>
                  <a:lnTo>
                    <a:pt x="12462" y="9337"/>
                  </a:lnTo>
                  <a:cubicBezTo>
                    <a:pt x="19523" y="11419"/>
                    <a:pt x="21600" y="12712"/>
                    <a:pt x="21600" y="15863"/>
                  </a:cubicBezTo>
                  <a:cubicBezTo>
                    <a:pt x="21600" y="18844"/>
                    <a:pt x="19274" y="21600"/>
                    <a:pt x="10302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2" name="Shape 86">
              <a:extLst>
                <a:ext uri="{FF2B5EF4-FFF2-40B4-BE49-F238E27FC236}">
                  <a16:creationId xmlns:a16="http://schemas.microsoft.com/office/drawing/2014/main" id="{7D0026B2-BAA0-FA49-BA94-55DCB839134C}"/>
                </a:ext>
              </a:extLst>
            </p:cNvPr>
            <p:cNvSpPr/>
            <p:nvPr/>
          </p:nvSpPr>
          <p:spPr>
            <a:xfrm>
              <a:off x="2546679" y="378483"/>
              <a:ext cx="136941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363" y="8888"/>
                  </a:moveTo>
                  <a:cubicBezTo>
                    <a:pt x="17363" y="6412"/>
                    <a:pt x="16669" y="2925"/>
                    <a:pt x="10765" y="2925"/>
                  </a:cubicBezTo>
                  <a:cubicBezTo>
                    <a:pt x="5001" y="2925"/>
                    <a:pt x="4237" y="6412"/>
                    <a:pt x="4237" y="8888"/>
                  </a:cubicBezTo>
                  <a:lnTo>
                    <a:pt x="4237" y="9281"/>
                  </a:lnTo>
                  <a:lnTo>
                    <a:pt x="17363" y="9281"/>
                  </a:lnTo>
                  <a:lnTo>
                    <a:pt x="17363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3" name="Shape 87">
              <a:extLst>
                <a:ext uri="{FF2B5EF4-FFF2-40B4-BE49-F238E27FC236}">
                  <a16:creationId xmlns:a16="http://schemas.microsoft.com/office/drawing/2014/main" id="{118B0039-7F60-6E4D-A489-7539312C06CC}"/>
                </a:ext>
              </a:extLst>
            </p:cNvPr>
            <p:cNvSpPr/>
            <p:nvPr/>
          </p:nvSpPr>
          <p:spPr>
            <a:xfrm>
              <a:off x="2712147" y="378483"/>
              <a:ext cx="123627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34" y="21094"/>
                  </a:moveTo>
                  <a:lnTo>
                    <a:pt x="17234" y="19687"/>
                  </a:lnTo>
                  <a:cubicBezTo>
                    <a:pt x="15549" y="20531"/>
                    <a:pt x="12485" y="21600"/>
                    <a:pt x="8349" y="21600"/>
                  </a:cubicBezTo>
                  <a:cubicBezTo>
                    <a:pt x="3140" y="21600"/>
                    <a:pt x="0" y="19856"/>
                    <a:pt x="0" y="15750"/>
                  </a:cubicBezTo>
                  <a:lnTo>
                    <a:pt x="0" y="15019"/>
                  </a:lnTo>
                  <a:cubicBezTo>
                    <a:pt x="0" y="9619"/>
                    <a:pt x="5055" y="8662"/>
                    <a:pt x="12868" y="8662"/>
                  </a:cubicBezTo>
                  <a:lnTo>
                    <a:pt x="17004" y="8662"/>
                  </a:lnTo>
                  <a:lnTo>
                    <a:pt x="17004" y="7200"/>
                  </a:lnTo>
                  <a:cubicBezTo>
                    <a:pt x="17004" y="3656"/>
                    <a:pt x="16085" y="2869"/>
                    <a:pt x="10494" y="2869"/>
                  </a:cubicBezTo>
                  <a:cubicBezTo>
                    <a:pt x="7353" y="2869"/>
                    <a:pt x="4902" y="3037"/>
                    <a:pt x="1838" y="3319"/>
                  </a:cubicBezTo>
                  <a:lnTo>
                    <a:pt x="1838" y="900"/>
                  </a:lnTo>
                  <a:cubicBezTo>
                    <a:pt x="2681" y="675"/>
                    <a:pt x="6511" y="0"/>
                    <a:pt x="10800" y="0"/>
                  </a:cubicBezTo>
                  <a:cubicBezTo>
                    <a:pt x="20145" y="0"/>
                    <a:pt x="21600" y="2531"/>
                    <a:pt x="21600" y="7200"/>
                  </a:cubicBezTo>
                  <a:lnTo>
                    <a:pt x="21600" y="21094"/>
                  </a:lnTo>
                  <a:lnTo>
                    <a:pt x="17234" y="21094"/>
                  </a:lnTo>
                  <a:close/>
                  <a:moveTo>
                    <a:pt x="17004" y="11194"/>
                  </a:moveTo>
                  <a:lnTo>
                    <a:pt x="12868" y="11194"/>
                  </a:lnTo>
                  <a:cubicBezTo>
                    <a:pt x="6970" y="11194"/>
                    <a:pt x="4596" y="11756"/>
                    <a:pt x="4596" y="15019"/>
                  </a:cubicBezTo>
                  <a:lnTo>
                    <a:pt x="4596" y="16031"/>
                  </a:lnTo>
                  <a:cubicBezTo>
                    <a:pt x="4596" y="18337"/>
                    <a:pt x="6511" y="18956"/>
                    <a:pt x="9268" y="18956"/>
                  </a:cubicBezTo>
                  <a:cubicBezTo>
                    <a:pt x="12562" y="18956"/>
                    <a:pt x="15855" y="17888"/>
                    <a:pt x="17004" y="17325"/>
                  </a:cubicBezTo>
                  <a:lnTo>
                    <a:pt x="17004" y="11194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4" name="Shape 88">
              <a:extLst>
                <a:ext uri="{FF2B5EF4-FFF2-40B4-BE49-F238E27FC236}">
                  <a16:creationId xmlns:a16="http://schemas.microsoft.com/office/drawing/2014/main" id="{68F6D611-23D8-B14E-8574-583659AC38CD}"/>
                </a:ext>
              </a:extLst>
            </p:cNvPr>
            <p:cNvSpPr/>
            <p:nvPr/>
          </p:nvSpPr>
          <p:spPr>
            <a:xfrm>
              <a:off x="2881418" y="378483"/>
              <a:ext cx="83687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6779" y="4896"/>
                  </a:moveTo>
                  <a:lnTo>
                    <a:pt x="6779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6664" y="576"/>
                  </a:lnTo>
                  <a:lnTo>
                    <a:pt x="6664" y="2246"/>
                  </a:lnTo>
                  <a:cubicBezTo>
                    <a:pt x="10685" y="691"/>
                    <a:pt x="15740" y="0"/>
                    <a:pt x="21600" y="0"/>
                  </a:cubicBezTo>
                  <a:lnTo>
                    <a:pt x="21600" y="3053"/>
                  </a:lnTo>
                  <a:cubicBezTo>
                    <a:pt x="16200" y="3053"/>
                    <a:pt x="9996" y="3859"/>
                    <a:pt x="6779" y="489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5" name="Shape 89">
              <a:extLst>
                <a:ext uri="{FF2B5EF4-FFF2-40B4-BE49-F238E27FC236}">
                  <a16:creationId xmlns:a16="http://schemas.microsoft.com/office/drawing/2014/main" id="{07071FDB-AE3A-0B40-89C5-12C5FF37801C}"/>
                </a:ext>
              </a:extLst>
            </p:cNvPr>
            <p:cNvSpPr/>
            <p:nvPr/>
          </p:nvSpPr>
          <p:spPr>
            <a:xfrm>
              <a:off x="2982220" y="378483"/>
              <a:ext cx="108412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2614" y="21600"/>
                  </a:moveTo>
                  <a:cubicBezTo>
                    <a:pt x="4061" y="21600"/>
                    <a:pt x="0" y="18169"/>
                    <a:pt x="0" y="12319"/>
                  </a:cubicBezTo>
                  <a:lnTo>
                    <a:pt x="0" y="9225"/>
                  </a:lnTo>
                  <a:cubicBezTo>
                    <a:pt x="0" y="3319"/>
                    <a:pt x="4061" y="0"/>
                    <a:pt x="12614" y="0"/>
                  </a:cubicBezTo>
                  <a:cubicBezTo>
                    <a:pt x="17194" y="0"/>
                    <a:pt x="20563" y="506"/>
                    <a:pt x="21600" y="731"/>
                  </a:cubicBezTo>
                  <a:lnTo>
                    <a:pt x="21600" y="3262"/>
                  </a:lnTo>
                  <a:cubicBezTo>
                    <a:pt x="17798" y="2981"/>
                    <a:pt x="15034" y="2869"/>
                    <a:pt x="13392" y="2869"/>
                  </a:cubicBezTo>
                  <a:cubicBezTo>
                    <a:pt x="8294" y="2869"/>
                    <a:pt x="5184" y="4106"/>
                    <a:pt x="5184" y="9225"/>
                  </a:cubicBezTo>
                  <a:lnTo>
                    <a:pt x="5184" y="12319"/>
                  </a:lnTo>
                  <a:cubicBezTo>
                    <a:pt x="5184" y="17438"/>
                    <a:pt x="8294" y="18731"/>
                    <a:pt x="13392" y="18731"/>
                  </a:cubicBezTo>
                  <a:cubicBezTo>
                    <a:pt x="15034" y="18731"/>
                    <a:pt x="17798" y="18619"/>
                    <a:pt x="21600" y="18337"/>
                  </a:cubicBezTo>
                  <a:lnTo>
                    <a:pt x="21600" y="20869"/>
                  </a:lnTo>
                  <a:cubicBezTo>
                    <a:pt x="20563" y="21094"/>
                    <a:pt x="17194" y="21600"/>
                    <a:pt x="12614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6" name="Shape 90">
              <a:extLst>
                <a:ext uri="{FF2B5EF4-FFF2-40B4-BE49-F238E27FC236}">
                  <a16:creationId xmlns:a16="http://schemas.microsoft.com/office/drawing/2014/main" id="{D8E685EF-C092-4D47-AE9A-49DD82D47991}"/>
                </a:ext>
              </a:extLst>
            </p:cNvPr>
            <p:cNvSpPr/>
            <p:nvPr/>
          </p:nvSpPr>
          <p:spPr>
            <a:xfrm>
              <a:off x="3128668" y="315719"/>
              <a:ext cx="127431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07" y="21600"/>
                  </a:moveTo>
                  <a:lnTo>
                    <a:pt x="17207" y="11893"/>
                  </a:lnTo>
                  <a:cubicBezTo>
                    <a:pt x="17207" y="8867"/>
                    <a:pt x="15816" y="8026"/>
                    <a:pt x="12155" y="8026"/>
                  </a:cubicBezTo>
                  <a:cubicBezTo>
                    <a:pt x="9079" y="8026"/>
                    <a:pt x="6004" y="8657"/>
                    <a:pt x="4320" y="9119"/>
                  </a:cubicBezTo>
                  <a:lnTo>
                    <a:pt x="4320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4320" y="0"/>
                  </a:lnTo>
                  <a:lnTo>
                    <a:pt x="4320" y="7102"/>
                  </a:lnTo>
                  <a:cubicBezTo>
                    <a:pt x="6004" y="6598"/>
                    <a:pt x="9153" y="5841"/>
                    <a:pt x="13033" y="5841"/>
                  </a:cubicBezTo>
                  <a:cubicBezTo>
                    <a:pt x="18818" y="5841"/>
                    <a:pt x="21600" y="7774"/>
                    <a:pt x="21600" y="11809"/>
                  </a:cubicBezTo>
                  <a:lnTo>
                    <a:pt x="21600" y="21600"/>
                  </a:lnTo>
                  <a:lnTo>
                    <a:pt x="17207" y="216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7" name="Shape 91">
              <a:extLst>
                <a:ext uri="{FF2B5EF4-FFF2-40B4-BE49-F238E27FC236}">
                  <a16:creationId xmlns:a16="http://schemas.microsoft.com/office/drawing/2014/main" id="{BC8B5409-182C-8C44-B2D9-227787822412}"/>
                </a:ext>
              </a:extLst>
            </p:cNvPr>
            <p:cNvSpPr/>
            <p:nvPr/>
          </p:nvSpPr>
          <p:spPr>
            <a:xfrm>
              <a:off x="3290332" y="321425"/>
              <a:ext cx="136941" cy="22633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3689" y="21600"/>
                  </a:moveTo>
                  <a:cubicBezTo>
                    <a:pt x="5985" y="21600"/>
                    <a:pt x="0" y="19821"/>
                    <a:pt x="0" y="12494"/>
                  </a:cubicBezTo>
                  <a:lnTo>
                    <a:pt x="0" y="9021"/>
                  </a:lnTo>
                  <a:cubicBezTo>
                    <a:pt x="0" y="1694"/>
                    <a:pt x="5985" y="0"/>
                    <a:pt x="13689" y="0"/>
                  </a:cubicBezTo>
                  <a:cubicBezTo>
                    <a:pt x="16854" y="0"/>
                    <a:pt x="20224" y="339"/>
                    <a:pt x="21600" y="466"/>
                  </a:cubicBezTo>
                  <a:lnTo>
                    <a:pt x="21600" y="2584"/>
                  </a:lnTo>
                  <a:cubicBezTo>
                    <a:pt x="19468" y="2456"/>
                    <a:pt x="16234" y="2287"/>
                    <a:pt x="13689" y="2287"/>
                  </a:cubicBezTo>
                  <a:cubicBezTo>
                    <a:pt x="7292" y="2287"/>
                    <a:pt x="4196" y="3896"/>
                    <a:pt x="4196" y="9021"/>
                  </a:cubicBezTo>
                  <a:lnTo>
                    <a:pt x="4196" y="12494"/>
                  </a:lnTo>
                  <a:cubicBezTo>
                    <a:pt x="4196" y="17619"/>
                    <a:pt x="7292" y="19271"/>
                    <a:pt x="13689" y="19271"/>
                  </a:cubicBezTo>
                  <a:cubicBezTo>
                    <a:pt x="16234" y="19271"/>
                    <a:pt x="19468" y="19101"/>
                    <a:pt x="21600" y="19016"/>
                  </a:cubicBezTo>
                  <a:lnTo>
                    <a:pt x="21600" y="21134"/>
                  </a:lnTo>
                  <a:cubicBezTo>
                    <a:pt x="20224" y="21261"/>
                    <a:pt x="16854" y="21600"/>
                    <a:pt x="13689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8" name="Shape 92">
              <a:extLst>
                <a:ext uri="{FF2B5EF4-FFF2-40B4-BE49-F238E27FC236}">
                  <a16:creationId xmlns:a16="http://schemas.microsoft.com/office/drawing/2014/main" id="{99F9C094-6824-954E-AB5D-9883B6D086EA}"/>
                </a:ext>
              </a:extLst>
            </p:cNvPr>
            <p:cNvSpPr/>
            <p:nvPr/>
          </p:nvSpPr>
          <p:spPr>
            <a:xfrm>
              <a:off x="3448192" y="378483"/>
              <a:ext cx="136940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294" y="8888"/>
                  </a:moveTo>
                  <a:cubicBezTo>
                    <a:pt x="17294" y="6412"/>
                    <a:pt x="16669" y="2925"/>
                    <a:pt x="10765" y="2925"/>
                  </a:cubicBezTo>
                  <a:cubicBezTo>
                    <a:pt x="5001" y="2925"/>
                    <a:pt x="4167" y="6412"/>
                    <a:pt x="4167" y="8888"/>
                  </a:cubicBezTo>
                  <a:lnTo>
                    <a:pt x="4167" y="9281"/>
                  </a:lnTo>
                  <a:lnTo>
                    <a:pt x="17294" y="9281"/>
                  </a:lnTo>
                  <a:lnTo>
                    <a:pt x="17294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9" name="Shape 93">
              <a:extLst>
                <a:ext uri="{FF2B5EF4-FFF2-40B4-BE49-F238E27FC236}">
                  <a16:creationId xmlns:a16="http://schemas.microsoft.com/office/drawing/2014/main" id="{BBE568C5-F884-6A43-9CE2-E6781941F5F2}"/>
                </a:ext>
              </a:extLst>
            </p:cNvPr>
            <p:cNvSpPr/>
            <p:nvPr/>
          </p:nvSpPr>
          <p:spPr>
            <a:xfrm>
              <a:off x="3621267" y="378483"/>
              <a:ext cx="129333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07" y="21600"/>
                  </a:moveTo>
                  <a:lnTo>
                    <a:pt x="17207" y="8179"/>
                  </a:lnTo>
                  <a:cubicBezTo>
                    <a:pt x="17207" y="4320"/>
                    <a:pt x="16401" y="2938"/>
                    <a:pt x="12740" y="2938"/>
                  </a:cubicBezTo>
                  <a:cubicBezTo>
                    <a:pt x="10617" y="2938"/>
                    <a:pt x="7908" y="3629"/>
                    <a:pt x="4320" y="4838"/>
                  </a:cubicBezTo>
                  <a:lnTo>
                    <a:pt x="4320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4320" y="576"/>
                  </a:lnTo>
                  <a:lnTo>
                    <a:pt x="4320" y="2189"/>
                  </a:lnTo>
                  <a:cubicBezTo>
                    <a:pt x="7468" y="922"/>
                    <a:pt x="10251" y="0"/>
                    <a:pt x="13253" y="0"/>
                  </a:cubicBezTo>
                  <a:cubicBezTo>
                    <a:pt x="20355" y="0"/>
                    <a:pt x="21600" y="3053"/>
                    <a:pt x="21600" y="8179"/>
                  </a:cubicBezTo>
                  <a:lnTo>
                    <a:pt x="21600" y="21600"/>
                  </a:lnTo>
                  <a:lnTo>
                    <a:pt x="17207" y="216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0" name="Shape 94">
              <a:extLst>
                <a:ext uri="{FF2B5EF4-FFF2-40B4-BE49-F238E27FC236}">
                  <a16:creationId xmlns:a16="http://schemas.microsoft.com/office/drawing/2014/main" id="{373C040D-7EDB-E94D-889F-E95BDC2452AD}"/>
                </a:ext>
              </a:extLst>
            </p:cNvPr>
            <p:cNvSpPr/>
            <p:nvPr/>
          </p:nvSpPr>
          <p:spPr>
            <a:xfrm>
              <a:off x="3775323" y="340444"/>
              <a:ext cx="100804" cy="20731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5335" y="21600"/>
                  </a:moveTo>
                  <a:cubicBezTo>
                    <a:pt x="9070" y="21600"/>
                    <a:pt x="6826" y="20495"/>
                    <a:pt x="6826" y="17317"/>
                  </a:cubicBezTo>
                  <a:lnTo>
                    <a:pt x="6826" y="6632"/>
                  </a:lnTo>
                  <a:lnTo>
                    <a:pt x="0" y="6402"/>
                  </a:lnTo>
                  <a:lnTo>
                    <a:pt x="0" y="4375"/>
                  </a:lnTo>
                  <a:lnTo>
                    <a:pt x="6826" y="4375"/>
                  </a:lnTo>
                  <a:lnTo>
                    <a:pt x="6826" y="0"/>
                  </a:lnTo>
                  <a:lnTo>
                    <a:pt x="12436" y="0"/>
                  </a:lnTo>
                  <a:lnTo>
                    <a:pt x="12436" y="4375"/>
                  </a:lnTo>
                  <a:lnTo>
                    <a:pt x="21600" y="4375"/>
                  </a:lnTo>
                  <a:lnTo>
                    <a:pt x="21600" y="6632"/>
                  </a:lnTo>
                  <a:lnTo>
                    <a:pt x="12436" y="6632"/>
                  </a:lnTo>
                  <a:lnTo>
                    <a:pt x="12436" y="17179"/>
                  </a:lnTo>
                  <a:cubicBezTo>
                    <a:pt x="12436" y="19067"/>
                    <a:pt x="12810" y="19389"/>
                    <a:pt x="15896" y="19389"/>
                  </a:cubicBezTo>
                  <a:cubicBezTo>
                    <a:pt x="17860" y="19389"/>
                    <a:pt x="20478" y="19297"/>
                    <a:pt x="21600" y="19251"/>
                  </a:cubicBezTo>
                  <a:lnTo>
                    <a:pt x="21600" y="21139"/>
                  </a:lnTo>
                  <a:cubicBezTo>
                    <a:pt x="20665" y="21278"/>
                    <a:pt x="17953" y="21600"/>
                    <a:pt x="15335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1" name="Shape 95">
              <a:extLst>
                <a:ext uri="{FF2B5EF4-FFF2-40B4-BE49-F238E27FC236}">
                  <a16:creationId xmlns:a16="http://schemas.microsoft.com/office/drawing/2014/main" id="{C077C8CD-64BC-984D-BE97-4860707A01D0}"/>
                </a:ext>
              </a:extLst>
            </p:cNvPr>
            <p:cNvSpPr/>
            <p:nvPr/>
          </p:nvSpPr>
          <p:spPr>
            <a:xfrm>
              <a:off x="3914164" y="378483"/>
              <a:ext cx="81785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6779" y="4896"/>
                  </a:moveTo>
                  <a:lnTo>
                    <a:pt x="6779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6664" y="576"/>
                  </a:lnTo>
                  <a:lnTo>
                    <a:pt x="6664" y="2246"/>
                  </a:lnTo>
                  <a:cubicBezTo>
                    <a:pt x="10570" y="691"/>
                    <a:pt x="15740" y="0"/>
                    <a:pt x="21600" y="0"/>
                  </a:cubicBezTo>
                  <a:lnTo>
                    <a:pt x="21600" y="3053"/>
                  </a:lnTo>
                  <a:cubicBezTo>
                    <a:pt x="16085" y="3053"/>
                    <a:pt x="9881" y="3859"/>
                    <a:pt x="6779" y="489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2" name="Shape 96">
              <a:extLst>
                <a:ext uri="{FF2B5EF4-FFF2-40B4-BE49-F238E27FC236}">
                  <a16:creationId xmlns:a16="http://schemas.microsoft.com/office/drawing/2014/main" id="{91D64756-CC8B-2048-8656-621F995DF806}"/>
                </a:ext>
              </a:extLst>
            </p:cNvPr>
            <p:cNvSpPr/>
            <p:nvPr/>
          </p:nvSpPr>
          <p:spPr>
            <a:xfrm>
              <a:off x="4009260" y="378483"/>
              <a:ext cx="135039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363" y="8888"/>
                  </a:moveTo>
                  <a:cubicBezTo>
                    <a:pt x="17363" y="6412"/>
                    <a:pt x="16669" y="2925"/>
                    <a:pt x="10765" y="2925"/>
                  </a:cubicBezTo>
                  <a:cubicBezTo>
                    <a:pt x="5001" y="2925"/>
                    <a:pt x="4237" y="6412"/>
                    <a:pt x="4237" y="8888"/>
                  </a:cubicBezTo>
                  <a:lnTo>
                    <a:pt x="4237" y="9281"/>
                  </a:lnTo>
                  <a:lnTo>
                    <a:pt x="17363" y="9281"/>
                  </a:lnTo>
                  <a:lnTo>
                    <a:pt x="17363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3" name="Shape 97">
              <a:extLst>
                <a:ext uri="{FF2B5EF4-FFF2-40B4-BE49-F238E27FC236}">
                  <a16:creationId xmlns:a16="http://schemas.microsoft.com/office/drawing/2014/main" id="{2BDC7D02-6FB3-C14E-8102-63FFD83060F6}"/>
                </a:ext>
              </a:extLst>
            </p:cNvPr>
            <p:cNvSpPr/>
            <p:nvPr/>
          </p:nvSpPr>
          <p:spPr>
            <a:xfrm>
              <a:off x="484991" y="-1"/>
              <a:ext cx="38041" cy="38041"/>
            </a:xfrm>
            <a:prstGeom prst="ellipse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4" name="Shape 98">
              <a:extLst>
                <a:ext uri="{FF2B5EF4-FFF2-40B4-BE49-F238E27FC236}">
                  <a16:creationId xmlns:a16="http://schemas.microsoft.com/office/drawing/2014/main" id="{E1863261-60B7-1E4B-9A8E-CCC3A6728A18}"/>
                </a:ext>
              </a:extLst>
            </p:cNvPr>
            <p:cNvSpPr/>
            <p:nvPr/>
          </p:nvSpPr>
          <p:spPr>
            <a:xfrm>
              <a:off x="462168" y="102704"/>
              <a:ext cx="83687" cy="83687"/>
            </a:xfrm>
            <a:prstGeom prst="ellipse">
              <a:avLst/>
            </a:prstGeom>
            <a:solidFill>
              <a:srgbClr val="CDD64B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5" name="Shape 99">
              <a:extLst>
                <a:ext uri="{FF2B5EF4-FFF2-40B4-BE49-F238E27FC236}">
                  <a16:creationId xmlns:a16="http://schemas.microsoft.com/office/drawing/2014/main" id="{6322D3E6-7B74-2243-8495-B06E2939629E}"/>
                </a:ext>
              </a:extLst>
            </p:cNvPr>
            <p:cNvSpPr/>
            <p:nvPr/>
          </p:nvSpPr>
          <p:spPr>
            <a:xfrm>
              <a:off x="477383" y="241544"/>
              <a:ext cx="53257" cy="5706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6" name="Shape 100">
              <a:extLst>
                <a:ext uri="{FF2B5EF4-FFF2-40B4-BE49-F238E27FC236}">
                  <a16:creationId xmlns:a16="http://schemas.microsoft.com/office/drawing/2014/main" id="{A7E274EF-3AA2-AC4F-AA19-4C5B88960ABF}"/>
                </a:ext>
              </a:extLst>
            </p:cNvPr>
            <p:cNvSpPr/>
            <p:nvPr/>
          </p:nvSpPr>
          <p:spPr>
            <a:xfrm>
              <a:off x="302406" y="228231"/>
              <a:ext cx="81785" cy="83687"/>
            </a:xfrm>
            <a:prstGeom prst="ellipse">
              <a:avLst/>
            </a:prstGeom>
            <a:solidFill>
              <a:srgbClr val="CDD64B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7" name="Shape 101">
              <a:extLst>
                <a:ext uri="{FF2B5EF4-FFF2-40B4-BE49-F238E27FC236}">
                  <a16:creationId xmlns:a16="http://schemas.microsoft.com/office/drawing/2014/main" id="{C788A6BD-36D0-5F45-903E-1D09A1F6F6B0}"/>
                </a:ext>
              </a:extLst>
            </p:cNvPr>
            <p:cNvSpPr/>
            <p:nvPr/>
          </p:nvSpPr>
          <p:spPr>
            <a:xfrm>
              <a:off x="304308" y="357562"/>
              <a:ext cx="76079" cy="76079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8" name="Shape 102">
              <a:extLst>
                <a:ext uri="{FF2B5EF4-FFF2-40B4-BE49-F238E27FC236}">
                  <a16:creationId xmlns:a16="http://schemas.microsoft.com/office/drawing/2014/main" id="{1D78F4C2-89BC-B045-BC53-55E8658A5937}"/>
                </a:ext>
              </a:extLst>
            </p:cNvPr>
            <p:cNvSpPr/>
            <p:nvPr/>
          </p:nvSpPr>
          <p:spPr>
            <a:xfrm>
              <a:off x="142644" y="483090"/>
              <a:ext cx="76079" cy="76079"/>
            </a:xfrm>
            <a:prstGeom prst="ellipse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9" name="Shape 103">
              <a:extLst>
                <a:ext uri="{FF2B5EF4-FFF2-40B4-BE49-F238E27FC236}">
                  <a16:creationId xmlns:a16="http://schemas.microsoft.com/office/drawing/2014/main" id="{E372137D-2028-9A43-B3EF-EE5CA2BFA469}"/>
                </a:ext>
              </a:extLst>
            </p:cNvPr>
            <p:cNvSpPr/>
            <p:nvPr/>
          </p:nvSpPr>
          <p:spPr>
            <a:xfrm>
              <a:off x="154056" y="368973"/>
              <a:ext cx="53255" cy="53257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50" name="Shape 104">
              <a:extLst>
                <a:ext uri="{FF2B5EF4-FFF2-40B4-BE49-F238E27FC236}">
                  <a16:creationId xmlns:a16="http://schemas.microsoft.com/office/drawing/2014/main" id="{5240071E-9816-844A-A51A-1B472E78445B}"/>
                </a:ext>
              </a:extLst>
            </p:cNvPr>
            <p:cNvSpPr/>
            <p:nvPr/>
          </p:nvSpPr>
          <p:spPr>
            <a:xfrm>
              <a:off x="148350" y="237740"/>
              <a:ext cx="64667" cy="66569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51" name="Shape 105">
              <a:extLst>
                <a:ext uri="{FF2B5EF4-FFF2-40B4-BE49-F238E27FC236}">
                  <a16:creationId xmlns:a16="http://schemas.microsoft.com/office/drawing/2014/main" id="{7DEC6DCF-D5BD-E64E-B577-C468B3030AD4}"/>
                </a:ext>
              </a:extLst>
            </p:cNvPr>
            <p:cNvSpPr/>
            <p:nvPr/>
          </p:nvSpPr>
          <p:spPr>
            <a:xfrm>
              <a:off x="646654" y="125527"/>
              <a:ext cx="38041" cy="38041"/>
            </a:xfrm>
            <a:prstGeom prst="ellipse">
              <a:avLst/>
            </a:prstGeom>
            <a:solidFill>
              <a:srgbClr val="C6168C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52" name="Shape 106">
              <a:extLst>
                <a:ext uri="{FF2B5EF4-FFF2-40B4-BE49-F238E27FC236}">
                  <a16:creationId xmlns:a16="http://schemas.microsoft.com/office/drawing/2014/main" id="{B079620D-CC43-7E47-B74F-0E8FEA06AAA0}"/>
                </a:ext>
              </a:extLst>
            </p:cNvPr>
            <p:cNvSpPr/>
            <p:nvPr/>
          </p:nvSpPr>
          <p:spPr>
            <a:xfrm>
              <a:off x="484991" y="376582"/>
              <a:ext cx="38041" cy="3804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53" name="Shape 107">
              <a:extLst>
                <a:ext uri="{FF2B5EF4-FFF2-40B4-BE49-F238E27FC236}">
                  <a16:creationId xmlns:a16="http://schemas.microsoft.com/office/drawing/2014/main" id="{9C642871-2558-014D-86FC-D61B21E45BE2}"/>
                </a:ext>
              </a:extLst>
            </p:cNvPr>
            <p:cNvSpPr/>
            <p:nvPr/>
          </p:nvSpPr>
          <p:spPr>
            <a:xfrm>
              <a:off x="-1" y="376582"/>
              <a:ext cx="38041" cy="3804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</p:grpSp>
      <p:pic>
        <p:nvPicPr>
          <p:cNvPr id="54" name="image3.png">
            <a:extLst>
              <a:ext uri="{FF2B5EF4-FFF2-40B4-BE49-F238E27FC236}">
                <a16:creationId xmlns:a16="http://schemas.microsoft.com/office/drawing/2014/main" id="{396BB217-90A3-F749-AAA3-9DBF4B79D78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/>
          </a:blip>
          <a:srcRect l="5251" t="10853" r="24666" b="21234"/>
          <a:stretch>
            <a:fillRect/>
          </a:stretch>
        </p:blipFill>
        <p:spPr>
          <a:xfrm>
            <a:off x="4948304" y="8719319"/>
            <a:ext cx="3108199" cy="752991"/>
          </a:xfrm>
          <a:prstGeom prst="rect">
            <a:avLst/>
          </a:prstGeom>
          <a:ln w="12700">
            <a:miter lim="400000"/>
          </a:ln>
        </p:spPr>
      </p:pic>
      <p:pic>
        <p:nvPicPr>
          <p:cNvPr id="55" name="image4.png">
            <a:extLst>
              <a:ext uri="{FF2B5EF4-FFF2-40B4-BE49-F238E27FC236}">
                <a16:creationId xmlns:a16="http://schemas.microsoft.com/office/drawing/2014/main" id="{76A35D24-8671-E742-AA67-BE961C6C576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/>
          </a:blip>
          <a:srcRect t="12587" r="7960" b="20519"/>
          <a:stretch>
            <a:fillRect/>
          </a:stretch>
        </p:blipFill>
        <p:spPr>
          <a:xfrm>
            <a:off x="305611" y="8719318"/>
            <a:ext cx="4144524" cy="753049"/>
          </a:xfrm>
          <a:prstGeom prst="rect">
            <a:avLst/>
          </a:prstGeom>
          <a:ln w="12700">
            <a:miter lim="400000"/>
          </a:ln>
        </p:spPr>
      </p:pic>
      <p:grpSp>
        <p:nvGrpSpPr>
          <p:cNvPr id="56" name="Group 108">
            <a:extLst>
              <a:ext uri="{FF2B5EF4-FFF2-40B4-BE49-F238E27FC236}">
                <a16:creationId xmlns:a16="http://schemas.microsoft.com/office/drawing/2014/main" id="{5D41D2D6-AAFD-2D48-9DDB-A4A45E1BFAB9}"/>
              </a:ext>
            </a:extLst>
          </p:cNvPr>
          <p:cNvGrpSpPr/>
          <p:nvPr/>
        </p:nvGrpSpPr>
        <p:grpSpPr>
          <a:xfrm>
            <a:off x="8707288" y="8871573"/>
            <a:ext cx="4144300" cy="753166"/>
            <a:chOff x="0" y="0"/>
            <a:chExt cx="4144298" cy="753165"/>
          </a:xfrm>
        </p:grpSpPr>
        <p:sp>
          <p:nvSpPr>
            <p:cNvPr id="57" name="Shape 62">
              <a:extLst>
                <a:ext uri="{FF2B5EF4-FFF2-40B4-BE49-F238E27FC236}">
                  <a16:creationId xmlns:a16="http://schemas.microsoft.com/office/drawing/2014/main" id="{F7DB2A20-604E-7B48-9070-31F6081EC344}"/>
                </a:ext>
              </a:extLst>
            </p:cNvPr>
            <p:cNvSpPr/>
            <p:nvPr/>
          </p:nvSpPr>
          <p:spPr>
            <a:xfrm>
              <a:off x="3471015" y="631440"/>
              <a:ext cx="110313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14" y="21600"/>
                  </a:moveTo>
                  <a:cubicBezTo>
                    <a:pt x="10714" y="21600"/>
                    <a:pt x="9504" y="21600"/>
                    <a:pt x="9504" y="21600"/>
                  </a:cubicBezTo>
                  <a:cubicBezTo>
                    <a:pt x="397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74" y="0"/>
                    <a:pt x="9504" y="0"/>
                  </a:cubicBezTo>
                  <a:cubicBezTo>
                    <a:pt x="9504" y="0"/>
                    <a:pt x="10714" y="0"/>
                    <a:pt x="10714" y="0"/>
                  </a:cubicBezTo>
                  <a:lnTo>
                    <a:pt x="11923" y="0"/>
                  </a:lnTo>
                  <a:cubicBezTo>
                    <a:pt x="17539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39" y="21520"/>
                    <a:pt x="11923" y="21600"/>
                  </a:cubicBezTo>
                  <a:cubicBezTo>
                    <a:pt x="11923" y="21600"/>
                    <a:pt x="10800" y="21600"/>
                    <a:pt x="10714" y="21600"/>
                  </a:cubicBezTo>
                  <a:close/>
                  <a:moveTo>
                    <a:pt x="18749" y="8927"/>
                  </a:moveTo>
                  <a:cubicBezTo>
                    <a:pt x="18749" y="3906"/>
                    <a:pt x="15379" y="2311"/>
                    <a:pt x="11923" y="2311"/>
                  </a:cubicBezTo>
                  <a:cubicBezTo>
                    <a:pt x="11923" y="2311"/>
                    <a:pt x="10800" y="2311"/>
                    <a:pt x="10714" y="2311"/>
                  </a:cubicBezTo>
                  <a:cubicBezTo>
                    <a:pt x="10714" y="2311"/>
                    <a:pt x="9504" y="2311"/>
                    <a:pt x="9504" y="2311"/>
                  </a:cubicBezTo>
                  <a:cubicBezTo>
                    <a:pt x="6134" y="2311"/>
                    <a:pt x="2851" y="3906"/>
                    <a:pt x="2851" y="8927"/>
                  </a:cubicBezTo>
                  <a:lnTo>
                    <a:pt x="2851" y="12593"/>
                  </a:lnTo>
                  <a:cubicBezTo>
                    <a:pt x="2851" y="17615"/>
                    <a:pt x="6134" y="19209"/>
                    <a:pt x="9504" y="19289"/>
                  </a:cubicBezTo>
                  <a:cubicBezTo>
                    <a:pt x="9504" y="19289"/>
                    <a:pt x="10714" y="19289"/>
                    <a:pt x="10714" y="19289"/>
                  </a:cubicBezTo>
                  <a:cubicBezTo>
                    <a:pt x="10800" y="19289"/>
                    <a:pt x="11923" y="19289"/>
                    <a:pt x="11923" y="19289"/>
                  </a:cubicBezTo>
                  <a:cubicBezTo>
                    <a:pt x="15379" y="19209"/>
                    <a:pt x="18749" y="17615"/>
                    <a:pt x="18749" y="12593"/>
                  </a:cubicBezTo>
                  <a:lnTo>
                    <a:pt x="18749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58" name="Shape 63">
              <a:extLst>
                <a:ext uri="{FF2B5EF4-FFF2-40B4-BE49-F238E27FC236}">
                  <a16:creationId xmlns:a16="http://schemas.microsoft.com/office/drawing/2014/main" id="{7A9AB698-EB81-554C-B8AC-A3A3FD361902}"/>
                </a:ext>
              </a:extLst>
            </p:cNvPr>
            <p:cNvSpPr/>
            <p:nvPr/>
          </p:nvSpPr>
          <p:spPr>
            <a:xfrm>
              <a:off x="3893242" y="631440"/>
              <a:ext cx="108412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57" y="21600"/>
                  </a:moveTo>
                  <a:cubicBezTo>
                    <a:pt x="10670" y="21600"/>
                    <a:pt x="9542" y="21600"/>
                    <a:pt x="9455" y="21600"/>
                  </a:cubicBezTo>
                  <a:cubicBezTo>
                    <a:pt x="390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04" y="0"/>
                    <a:pt x="9455" y="0"/>
                  </a:cubicBezTo>
                  <a:cubicBezTo>
                    <a:pt x="9542" y="0"/>
                    <a:pt x="10670" y="0"/>
                    <a:pt x="10757" y="0"/>
                  </a:cubicBezTo>
                  <a:lnTo>
                    <a:pt x="11971" y="0"/>
                  </a:lnTo>
                  <a:cubicBezTo>
                    <a:pt x="17523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23" y="21520"/>
                    <a:pt x="11971" y="21600"/>
                  </a:cubicBezTo>
                  <a:cubicBezTo>
                    <a:pt x="11884" y="21600"/>
                    <a:pt x="10757" y="21600"/>
                    <a:pt x="10757" y="21600"/>
                  </a:cubicBezTo>
                  <a:close/>
                  <a:moveTo>
                    <a:pt x="18737" y="8927"/>
                  </a:moveTo>
                  <a:cubicBezTo>
                    <a:pt x="18737" y="3906"/>
                    <a:pt x="15354" y="2311"/>
                    <a:pt x="11971" y="2311"/>
                  </a:cubicBezTo>
                  <a:cubicBezTo>
                    <a:pt x="11884" y="2311"/>
                    <a:pt x="10757" y="2311"/>
                    <a:pt x="10757" y="2311"/>
                  </a:cubicBezTo>
                  <a:cubicBezTo>
                    <a:pt x="10670" y="2311"/>
                    <a:pt x="9542" y="2311"/>
                    <a:pt x="9455" y="2311"/>
                  </a:cubicBezTo>
                  <a:cubicBezTo>
                    <a:pt x="6072" y="2311"/>
                    <a:pt x="2863" y="3906"/>
                    <a:pt x="2863" y="8927"/>
                  </a:cubicBezTo>
                  <a:lnTo>
                    <a:pt x="2863" y="12593"/>
                  </a:lnTo>
                  <a:cubicBezTo>
                    <a:pt x="2863" y="17615"/>
                    <a:pt x="6072" y="19209"/>
                    <a:pt x="9455" y="19289"/>
                  </a:cubicBezTo>
                  <a:cubicBezTo>
                    <a:pt x="9542" y="19289"/>
                    <a:pt x="10670" y="19289"/>
                    <a:pt x="10757" y="19289"/>
                  </a:cubicBezTo>
                  <a:cubicBezTo>
                    <a:pt x="10757" y="19289"/>
                    <a:pt x="11884" y="19289"/>
                    <a:pt x="11971" y="19289"/>
                  </a:cubicBezTo>
                  <a:cubicBezTo>
                    <a:pt x="15354" y="19209"/>
                    <a:pt x="18737" y="17615"/>
                    <a:pt x="18737" y="12593"/>
                  </a:cubicBezTo>
                  <a:lnTo>
                    <a:pt x="18737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59" name="Shape 64">
              <a:extLst>
                <a:ext uri="{FF2B5EF4-FFF2-40B4-BE49-F238E27FC236}">
                  <a16:creationId xmlns:a16="http://schemas.microsoft.com/office/drawing/2014/main" id="{C1D039A4-235A-9B4C-B546-961707785378}"/>
                </a:ext>
              </a:extLst>
            </p:cNvPr>
            <p:cNvSpPr/>
            <p:nvPr/>
          </p:nvSpPr>
          <p:spPr>
            <a:xfrm>
              <a:off x="3170511" y="631440"/>
              <a:ext cx="108411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14" y="21600"/>
                  </a:moveTo>
                  <a:cubicBezTo>
                    <a:pt x="10714" y="21600"/>
                    <a:pt x="9504" y="21600"/>
                    <a:pt x="9504" y="21600"/>
                  </a:cubicBezTo>
                  <a:cubicBezTo>
                    <a:pt x="397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74" y="0"/>
                    <a:pt x="9504" y="0"/>
                  </a:cubicBezTo>
                  <a:cubicBezTo>
                    <a:pt x="9504" y="0"/>
                    <a:pt x="10714" y="0"/>
                    <a:pt x="10714" y="0"/>
                  </a:cubicBezTo>
                  <a:lnTo>
                    <a:pt x="11923" y="0"/>
                  </a:lnTo>
                  <a:cubicBezTo>
                    <a:pt x="17539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39" y="21520"/>
                    <a:pt x="11923" y="21600"/>
                  </a:cubicBezTo>
                  <a:cubicBezTo>
                    <a:pt x="11923" y="21600"/>
                    <a:pt x="10800" y="21600"/>
                    <a:pt x="10714" y="21600"/>
                  </a:cubicBezTo>
                  <a:close/>
                  <a:moveTo>
                    <a:pt x="18749" y="8927"/>
                  </a:moveTo>
                  <a:cubicBezTo>
                    <a:pt x="18749" y="3906"/>
                    <a:pt x="15379" y="2311"/>
                    <a:pt x="11923" y="2311"/>
                  </a:cubicBezTo>
                  <a:cubicBezTo>
                    <a:pt x="11923" y="2311"/>
                    <a:pt x="10800" y="2311"/>
                    <a:pt x="10714" y="2311"/>
                  </a:cubicBezTo>
                  <a:cubicBezTo>
                    <a:pt x="10714" y="2311"/>
                    <a:pt x="9504" y="2311"/>
                    <a:pt x="9504" y="2311"/>
                  </a:cubicBezTo>
                  <a:cubicBezTo>
                    <a:pt x="6134" y="2311"/>
                    <a:pt x="2851" y="3906"/>
                    <a:pt x="2851" y="8927"/>
                  </a:cubicBezTo>
                  <a:lnTo>
                    <a:pt x="2851" y="12593"/>
                  </a:lnTo>
                  <a:cubicBezTo>
                    <a:pt x="2851" y="17615"/>
                    <a:pt x="6134" y="19209"/>
                    <a:pt x="9504" y="19289"/>
                  </a:cubicBezTo>
                  <a:cubicBezTo>
                    <a:pt x="9590" y="19289"/>
                    <a:pt x="10714" y="19289"/>
                    <a:pt x="10714" y="19289"/>
                  </a:cubicBezTo>
                  <a:cubicBezTo>
                    <a:pt x="10800" y="19289"/>
                    <a:pt x="11923" y="19289"/>
                    <a:pt x="11923" y="19289"/>
                  </a:cubicBezTo>
                  <a:cubicBezTo>
                    <a:pt x="15379" y="19209"/>
                    <a:pt x="18749" y="17615"/>
                    <a:pt x="18749" y="12593"/>
                  </a:cubicBezTo>
                  <a:lnTo>
                    <a:pt x="18749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60" name="Shape 65">
              <a:extLst>
                <a:ext uri="{FF2B5EF4-FFF2-40B4-BE49-F238E27FC236}">
                  <a16:creationId xmlns:a16="http://schemas.microsoft.com/office/drawing/2014/main" id="{66AF5006-3462-7149-B480-8035F23F208A}"/>
                </a:ext>
              </a:extLst>
            </p:cNvPr>
            <p:cNvSpPr/>
            <p:nvPr/>
          </p:nvSpPr>
          <p:spPr>
            <a:xfrm>
              <a:off x="2634168" y="633342"/>
              <a:ext cx="9700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3114" y="13191"/>
                  </a:moveTo>
                  <a:lnTo>
                    <a:pt x="3114" y="21600"/>
                  </a:lnTo>
                  <a:lnTo>
                    <a:pt x="0" y="21600"/>
                  </a:lnTo>
                  <a:lnTo>
                    <a:pt x="0" y="0"/>
                  </a:lnTo>
                  <a:cubicBezTo>
                    <a:pt x="1654" y="0"/>
                    <a:pt x="8270" y="0"/>
                    <a:pt x="9827" y="0"/>
                  </a:cubicBezTo>
                  <a:cubicBezTo>
                    <a:pt x="16249" y="0"/>
                    <a:pt x="21503" y="247"/>
                    <a:pt x="21600" y="6760"/>
                  </a:cubicBezTo>
                  <a:cubicBezTo>
                    <a:pt x="21600" y="13108"/>
                    <a:pt x="15470" y="13191"/>
                    <a:pt x="8270" y="13191"/>
                  </a:cubicBezTo>
                  <a:lnTo>
                    <a:pt x="3114" y="13191"/>
                  </a:lnTo>
                  <a:close/>
                  <a:moveTo>
                    <a:pt x="9827" y="2391"/>
                  </a:moveTo>
                  <a:lnTo>
                    <a:pt x="3114" y="2391"/>
                  </a:lnTo>
                  <a:lnTo>
                    <a:pt x="3114" y="10800"/>
                  </a:lnTo>
                  <a:lnTo>
                    <a:pt x="9146" y="10800"/>
                  </a:lnTo>
                  <a:cubicBezTo>
                    <a:pt x="15276" y="10800"/>
                    <a:pt x="18389" y="10718"/>
                    <a:pt x="18389" y="6760"/>
                  </a:cubicBezTo>
                  <a:cubicBezTo>
                    <a:pt x="18389" y="2473"/>
                    <a:pt x="15470" y="2391"/>
                    <a:pt x="9827" y="2391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61" name="Shape 66">
              <a:extLst>
                <a:ext uri="{FF2B5EF4-FFF2-40B4-BE49-F238E27FC236}">
                  <a16:creationId xmlns:a16="http://schemas.microsoft.com/office/drawing/2014/main" id="{03CFB220-D21C-3449-BA5D-688E06E18BA9}"/>
                </a:ext>
              </a:extLst>
            </p:cNvPr>
            <p:cNvSpPr/>
            <p:nvPr/>
          </p:nvSpPr>
          <p:spPr>
            <a:xfrm>
              <a:off x="2987926" y="633342"/>
              <a:ext cx="10651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0"/>
                  </a:moveTo>
                  <a:lnTo>
                    <a:pt x="21600" y="2391"/>
                  </a:lnTo>
                  <a:lnTo>
                    <a:pt x="12228" y="2391"/>
                  </a:lnTo>
                  <a:lnTo>
                    <a:pt x="12228" y="21600"/>
                  </a:lnTo>
                  <a:lnTo>
                    <a:pt x="9372" y="21600"/>
                  </a:lnTo>
                  <a:lnTo>
                    <a:pt x="9372" y="2391"/>
                  </a:lnTo>
                  <a:lnTo>
                    <a:pt x="0" y="2391"/>
                  </a:lnTo>
                  <a:lnTo>
                    <a:pt x="0" y="0"/>
                  </a:lnTo>
                  <a:lnTo>
                    <a:pt x="21600" y="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62" name="Shape 67">
              <a:extLst>
                <a:ext uri="{FF2B5EF4-FFF2-40B4-BE49-F238E27FC236}">
                  <a16:creationId xmlns:a16="http://schemas.microsoft.com/office/drawing/2014/main" id="{BD6D4ED6-18CA-A84D-BB3F-E67475E13555}"/>
                </a:ext>
              </a:extLst>
            </p:cNvPr>
            <p:cNvSpPr/>
            <p:nvPr/>
          </p:nvSpPr>
          <p:spPr>
            <a:xfrm>
              <a:off x="3594640" y="633342"/>
              <a:ext cx="104608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0"/>
                  </a:moveTo>
                  <a:lnTo>
                    <a:pt x="21600" y="2391"/>
                  </a:lnTo>
                  <a:lnTo>
                    <a:pt x="12228" y="2391"/>
                  </a:lnTo>
                  <a:lnTo>
                    <a:pt x="12228" y="21600"/>
                  </a:lnTo>
                  <a:lnTo>
                    <a:pt x="9283" y="21600"/>
                  </a:lnTo>
                  <a:lnTo>
                    <a:pt x="9283" y="2391"/>
                  </a:lnTo>
                  <a:lnTo>
                    <a:pt x="0" y="2391"/>
                  </a:lnTo>
                  <a:lnTo>
                    <a:pt x="0" y="0"/>
                  </a:lnTo>
                  <a:lnTo>
                    <a:pt x="21600" y="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63" name="Shape 68">
              <a:extLst>
                <a:ext uri="{FF2B5EF4-FFF2-40B4-BE49-F238E27FC236}">
                  <a16:creationId xmlns:a16="http://schemas.microsoft.com/office/drawing/2014/main" id="{9502E748-0433-A640-9021-B5A46C4C5C27}"/>
                </a:ext>
              </a:extLst>
            </p:cNvPr>
            <p:cNvSpPr/>
            <p:nvPr/>
          </p:nvSpPr>
          <p:spPr>
            <a:xfrm>
              <a:off x="3732529" y="633342"/>
              <a:ext cx="15218" cy="117921"/>
            </a:xfrm>
            <a:prstGeom prst="rect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64" name="Shape 69">
              <a:extLst>
                <a:ext uri="{FF2B5EF4-FFF2-40B4-BE49-F238E27FC236}">
                  <a16:creationId xmlns:a16="http://schemas.microsoft.com/office/drawing/2014/main" id="{6837A333-2950-D242-BFAC-4492611E116A}"/>
                </a:ext>
              </a:extLst>
            </p:cNvPr>
            <p:cNvSpPr/>
            <p:nvPr/>
          </p:nvSpPr>
          <p:spPr>
            <a:xfrm>
              <a:off x="3309351" y="633342"/>
              <a:ext cx="87491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3529" y="2391"/>
                  </a:moveTo>
                  <a:lnTo>
                    <a:pt x="3529" y="9151"/>
                  </a:lnTo>
                  <a:lnTo>
                    <a:pt x="20745" y="9151"/>
                  </a:lnTo>
                  <a:lnTo>
                    <a:pt x="20745" y="11624"/>
                  </a:lnTo>
                  <a:lnTo>
                    <a:pt x="3529" y="11624"/>
                  </a:lnTo>
                  <a:lnTo>
                    <a:pt x="3529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21600" y="0"/>
                  </a:lnTo>
                  <a:lnTo>
                    <a:pt x="21600" y="2391"/>
                  </a:lnTo>
                  <a:lnTo>
                    <a:pt x="3529" y="2391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65" name="Shape 70">
              <a:extLst>
                <a:ext uri="{FF2B5EF4-FFF2-40B4-BE49-F238E27FC236}">
                  <a16:creationId xmlns:a16="http://schemas.microsoft.com/office/drawing/2014/main" id="{4C2E8DDA-D9E6-3248-9D34-385E9E51B444}"/>
                </a:ext>
              </a:extLst>
            </p:cNvPr>
            <p:cNvSpPr/>
            <p:nvPr/>
          </p:nvSpPr>
          <p:spPr>
            <a:xfrm>
              <a:off x="4032083" y="633342"/>
              <a:ext cx="10651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8955" y="18797"/>
                  </a:moveTo>
                  <a:lnTo>
                    <a:pt x="19043" y="18797"/>
                  </a:lnTo>
                  <a:cubicBezTo>
                    <a:pt x="18955" y="17066"/>
                    <a:pt x="18867" y="15334"/>
                    <a:pt x="18867" y="14015"/>
                  </a:cubicBezTo>
                  <a:lnTo>
                    <a:pt x="18867" y="0"/>
                  </a:lnTo>
                  <a:lnTo>
                    <a:pt x="21600" y="0"/>
                  </a:lnTo>
                  <a:lnTo>
                    <a:pt x="21600" y="21600"/>
                  </a:lnTo>
                  <a:lnTo>
                    <a:pt x="17544" y="21600"/>
                  </a:lnTo>
                  <a:lnTo>
                    <a:pt x="2557" y="2473"/>
                  </a:lnTo>
                  <a:cubicBezTo>
                    <a:pt x="2645" y="3875"/>
                    <a:pt x="2645" y="5441"/>
                    <a:pt x="2645" y="6925"/>
                  </a:cubicBezTo>
                  <a:lnTo>
                    <a:pt x="2645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4144" y="0"/>
                  </a:lnTo>
                  <a:lnTo>
                    <a:pt x="18955" y="1879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66" name="Shape 71">
              <a:extLst>
                <a:ext uri="{FF2B5EF4-FFF2-40B4-BE49-F238E27FC236}">
                  <a16:creationId xmlns:a16="http://schemas.microsoft.com/office/drawing/2014/main" id="{2F571F43-EE72-7545-9203-9C8668D13861}"/>
                </a:ext>
              </a:extLst>
            </p:cNvPr>
            <p:cNvSpPr/>
            <p:nvPr/>
          </p:nvSpPr>
          <p:spPr>
            <a:xfrm>
              <a:off x="2733068" y="633342"/>
              <a:ext cx="121725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800" y="14510"/>
                  </a:moveTo>
                  <a:lnTo>
                    <a:pt x="5246" y="14510"/>
                  </a:lnTo>
                  <a:lnTo>
                    <a:pt x="2469" y="21600"/>
                  </a:lnTo>
                  <a:lnTo>
                    <a:pt x="0" y="21600"/>
                  </a:lnTo>
                  <a:lnTo>
                    <a:pt x="8563" y="0"/>
                  </a:lnTo>
                  <a:lnTo>
                    <a:pt x="13037" y="0"/>
                  </a:lnTo>
                  <a:lnTo>
                    <a:pt x="21600" y="21600"/>
                  </a:lnTo>
                  <a:lnTo>
                    <a:pt x="19054" y="21600"/>
                  </a:lnTo>
                  <a:lnTo>
                    <a:pt x="16354" y="14510"/>
                  </a:lnTo>
                  <a:lnTo>
                    <a:pt x="10800" y="14510"/>
                  </a:lnTo>
                  <a:close/>
                  <a:moveTo>
                    <a:pt x="15429" y="12037"/>
                  </a:moveTo>
                  <a:lnTo>
                    <a:pt x="12806" y="5771"/>
                  </a:lnTo>
                  <a:cubicBezTo>
                    <a:pt x="12343" y="4617"/>
                    <a:pt x="11957" y="3545"/>
                    <a:pt x="11571" y="2226"/>
                  </a:cubicBezTo>
                  <a:lnTo>
                    <a:pt x="9951" y="2226"/>
                  </a:lnTo>
                  <a:cubicBezTo>
                    <a:pt x="9643" y="3545"/>
                    <a:pt x="9257" y="4617"/>
                    <a:pt x="8794" y="5771"/>
                  </a:cubicBezTo>
                  <a:lnTo>
                    <a:pt x="6171" y="12037"/>
                  </a:lnTo>
                  <a:lnTo>
                    <a:pt x="15429" y="1203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67" name="Shape 72">
              <a:extLst>
                <a:ext uri="{FF2B5EF4-FFF2-40B4-BE49-F238E27FC236}">
                  <a16:creationId xmlns:a16="http://schemas.microsoft.com/office/drawing/2014/main" id="{75BE6BE6-1B4C-D647-AC7D-000B203A6106}"/>
                </a:ext>
              </a:extLst>
            </p:cNvPr>
            <p:cNvSpPr/>
            <p:nvPr/>
          </p:nvSpPr>
          <p:spPr>
            <a:xfrm>
              <a:off x="3784833" y="631440"/>
              <a:ext cx="83687" cy="11982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2712" y="21600"/>
                  </a:moveTo>
                  <a:cubicBezTo>
                    <a:pt x="6862" y="21600"/>
                    <a:pt x="0" y="19846"/>
                    <a:pt x="0" y="12514"/>
                  </a:cubicBezTo>
                  <a:lnTo>
                    <a:pt x="0" y="9086"/>
                  </a:lnTo>
                  <a:cubicBezTo>
                    <a:pt x="0" y="1754"/>
                    <a:pt x="6862" y="0"/>
                    <a:pt x="12712" y="0"/>
                  </a:cubicBezTo>
                  <a:cubicBezTo>
                    <a:pt x="16200" y="0"/>
                    <a:pt x="20025" y="399"/>
                    <a:pt x="21600" y="478"/>
                  </a:cubicBezTo>
                  <a:lnTo>
                    <a:pt x="21600" y="2630"/>
                  </a:lnTo>
                  <a:cubicBezTo>
                    <a:pt x="19237" y="2471"/>
                    <a:pt x="15525" y="2311"/>
                    <a:pt x="12712" y="2311"/>
                  </a:cubicBezTo>
                  <a:cubicBezTo>
                    <a:pt x="7312" y="2311"/>
                    <a:pt x="3600" y="3906"/>
                    <a:pt x="3600" y="9086"/>
                  </a:cubicBezTo>
                  <a:lnTo>
                    <a:pt x="3600" y="12514"/>
                  </a:lnTo>
                  <a:cubicBezTo>
                    <a:pt x="3600" y="17694"/>
                    <a:pt x="7312" y="19289"/>
                    <a:pt x="12712" y="19289"/>
                  </a:cubicBezTo>
                  <a:cubicBezTo>
                    <a:pt x="15525" y="19289"/>
                    <a:pt x="19237" y="19129"/>
                    <a:pt x="21600" y="19049"/>
                  </a:cubicBezTo>
                  <a:lnTo>
                    <a:pt x="21600" y="21122"/>
                  </a:lnTo>
                  <a:cubicBezTo>
                    <a:pt x="20025" y="21281"/>
                    <a:pt x="16200" y="21600"/>
                    <a:pt x="12712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68" name="Shape 73">
              <a:extLst>
                <a:ext uri="{FF2B5EF4-FFF2-40B4-BE49-F238E27FC236}">
                  <a16:creationId xmlns:a16="http://schemas.microsoft.com/office/drawing/2014/main" id="{9AEA02B1-1400-7843-8794-E7E1977F79B4}"/>
                </a:ext>
              </a:extLst>
            </p:cNvPr>
            <p:cNvSpPr/>
            <p:nvPr/>
          </p:nvSpPr>
          <p:spPr>
            <a:xfrm>
              <a:off x="2873810" y="633342"/>
              <a:ext cx="102706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21600"/>
                  </a:moveTo>
                  <a:lnTo>
                    <a:pt x="15559" y="12614"/>
                  </a:lnTo>
                  <a:cubicBezTo>
                    <a:pt x="18488" y="11954"/>
                    <a:pt x="20319" y="10388"/>
                    <a:pt x="20319" y="6760"/>
                  </a:cubicBezTo>
                  <a:cubicBezTo>
                    <a:pt x="20319" y="247"/>
                    <a:pt x="15285" y="0"/>
                    <a:pt x="9244" y="0"/>
                  </a:cubicBezTo>
                  <a:cubicBezTo>
                    <a:pt x="7780" y="0"/>
                    <a:pt x="1556" y="0"/>
                    <a:pt x="0" y="0"/>
                  </a:cubicBezTo>
                  <a:lnTo>
                    <a:pt x="0" y="21600"/>
                  </a:lnTo>
                  <a:lnTo>
                    <a:pt x="2929" y="21600"/>
                  </a:lnTo>
                  <a:lnTo>
                    <a:pt x="2929" y="13191"/>
                  </a:lnTo>
                  <a:lnTo>
                    <a:pt x="7780" y="13191"/>
                  </a:lnTo>
                  <a:cubicBezTo>
                    <a:pt x="9519" y="13191"/>
                    <a:pt x="11166" y="13191"/>
                    <a:pt x="12631" y="13108"/>
                  </a:cubicBezTo>
                  <a:lnTo>
                    <a:pt x="18305" y="21600"/>
                  </a:lnTo>
                  <a:lnTo>
                    <a:pt x="21600" y="21600"/>
                  </a:lnTo>
                  <a:close/>
                  <a:moveTo>
                    <a:pt x="2929" y="10800"/>
                  </a:moveTo>
                  <a:lnTo>
                    <a:pt x="2929" y="2391"/>
                  </a:lnTo>
                  <a:lnTo>
                    <a:pt x="9244" y="2391"/>
                  </a:lnTo>
                  <a:cubicBezTo>
                    <a:pt x="14553" y="2391"/>
                    <a:pt x="17298" y="2473"/>
                    <a:pt x="17298" y="6760"/>
                  </a:cubicBezTo>
                  <a:cubicBezTo>
                    <a:pt x="17298" y="10718"/>
                    <a:pt x="14369" y="10800"/>
                    <a:pt x="8603" y="10800"/>
                  </a:cubicBezTo>
                  <a:lnTo>
                    <a:pt x="2929" y="108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69" name="Shape 74">
              <a:extLst>
                <a:ext uri="{FF2B5EF4-FFF2-40B4-BE49-F238E27FC236}">
                  <a16:creationId xmlns:a16="http://schemas.microsoft.com/office/drawing/2014/main" id="{B9893FAB-4BE5-D54A-9C14-5E5A1808620A}"/>
                </a:ext>
              </a:extLst>
            </p:cNvPr>
            <p:cNvSpPr/>
            <p:nvPr/>
          </p:nvSpPr>
          <p:spPr>
            <a:xfrm>
              <a:off x="684693" y="325229"/>
              <a:ext cx="136941" cy="21872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21600"/>
                  </a:moveTo>
                  <a:lnTo>
                    <a:pt x="0" y="0"/>
                  </a:lnTo>
                  <a:lnTo>
                    <a:pt x="21600" y="0"/>
                  </a:lnTo>
                  <a:lnTo>
                    <a:pt x="21600" y="3330"/>
                  </a:lnTo>
                  <a:lnTo>
                    <a:pt x="6349" y="3330"/>
                  </a:lnTo>
                  <a:lnTo>
                    <a:pt x="6349" y="8850"/>
                  </a:lnTo>
                  <a:lnTo>
                    <a:pt x="20634" y="8850"/>
                  </a:lnTo>
                  <a:lnTo>
                    <a:pt x="20634" y="12092"/>
                  </a:lnTo>
                  <a:lnTo>
                    <a:pt x="6349" y="12092"/>
                  </a:lnTo>
                  <a:lnTo>
                    <a:pt x="6349" y="18226"/>
                  </a:lnTo>
                  <a:lnTo>
                    <a:pt x="21600" y="18226"/>
                  </a:lnTo>
                  <a:lnTo>
                    <a:pt x="21600" y="21600"/>
                  </a:lnTo>
                  <a:lnTo>
                    <a:pt x="0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70" name="Shape 75">
              <a:extLst>
                <a:ext uri="{FF2B5EF4-FFF2-40B4-BE49-F238E27FC236}">
                  <a16:creationId xmlns:a16="http://schemas.microsoft.com/office/drawing/2014/main" id="{DCE6312F-461C-A44F-A546-8CD97513A8EA}"/>
                </a:ext>
              </a:extLst>
            </p:cNvPr>
            <p:cNvSpPr/>
            <p:nvPr/>
          </p:nvSpPr>
          <p:spPr>
            <a:xfrm>
              <a:off x="859670" y="374679"/>
              <a:ext cx="91295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8949" y="5809"/>
                  </a:moveTo>
                  <a:lnTo>
                    <a:pt x="8949" y="21600"/>
                  </a:lnTo>
                  <a:lnTo>
                    <a:pt x="0" y="21600"/>
                  </a:lnTo>
                  <a:lnTo>
                    <a:pt x="0" y="508"/>
                  </a:lnTo>
                  <a:lnTo>
                    <a:pt x="8537" y="508"/>
                  </a:lnTo>
                  <a:lnTo>
                    <a:pt x="8537" y="2199"/>
                  </a:lnTo>
                  <a:cubicBezTo>
                    <a:pt x="12137" y="451"/>
                    <a:pt x="16869" y="0"/>
                    <a:pt x="21600" y="0"/>
                  </a:cubicBezTo>
                  <a:lnTo>
                    <a:pt x="21600" y="4512"/>
                  </a:lnTo>
                  <a:cubicBezTo>
                    <a:pt x="16971" y="4512"/>
                    <a:pt x="11829" y="5019"/>
                    <a:pt x="8949" y="5809"/>
                  </a:cubicBez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71" name="Shape 76">
              <a:extLst>
                <a:ext uri="{FF2B5EF4-FFF2-40B4-BE49-F238E27FC236}">
                  <a16:creationId xmlns:a16="http://schemas.microsoft.com/office/drawing/2014/main" id="{E7AFEC13-89E9-5E4E-A6CF-3E9907662C22}"/>
                </a:ext>
              </a:extLst>
            </p:cNvPr>
            <p:cNvSpPr/>
            <p:nvPr/>
          </p:nvSpPr>
          <p:spPr>
            <a:xfrm>
              <a:off x="977590" y="315719"/>
              <a:ext cx="39942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21600" y="0"/>
                  </a:lnTo>
                  <a:lnTo>
                    <a:pt x="21600" y="3516"/>
                  </a:lnTo>
                  <a:lnTo>
                    <a:pt x="0" y="3516"/>
                  </a:lnTo>
                  <a:lnTo>
                    <a:pt x="0" y="0"/>
                  </a:lnTo>
                  <a:close/>
                  <a:moveTo>
                    <a:pt x="240" y="5944"/>
                  </a:moveTo>
                  <a:lnTo>
                    <a:pt x="21360" y="5944"/>
                  </a:lnTo>
                  <a:lnTo>
                    <a:pt x="21360" y="21600"/>
                  </a:lnTo>
                  <a:lnTo>
                    <a:pt x="240" y="21600"/>
                  </a:lnTo>
                  <a:lnTo>
                    <a:pt x="240" y="5944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72" name="Shape 77">
              <a:extLst>
                <a:ext uri="{FF2B5EF4-FFF2-40B4-BE49-F238E27FC236}">
                  <a16:creationId xmlns:a16="http://schemas.microsoft.com/office/drawing/2014/main" id="{7EE6931B-CD84-5E44-BD23-E83FF0DD9B83}"/>
                </a:ext>
              </a:extLst>
            </p:cNvPr>
            <p:cNvSpPr/>
            <p:nvPr/>
          </p:nvSpPr>
          <p:spPr>
            <a:xfrm>
              <a:off x="1061274" y="315719"/>
              <a:ext cx="140745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4600" y="21600"/>
                  </a:moveTo>
                  <a:lnTo>
                    <a:pt x="5800" y="14149"/>
                  </a:lnTo>
                  <a:lnTo>
                    <a:pt x="5800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5800" y="0"/>
                  </a:lnTo>
                  <a:lnTo>
                    <a:pt x="5800" y="12935"/>
                  </a:lnTo>
                  <a:lnTo>
                    <a:pt x="14600" y="5944"/>
                  </a:lnTo>
                  <a:lnTo>
                    <a:pt x="21333" y="5944"/>
                  </a:lnTo>
                  <a:lnTo>
                    <a:pt x="11667" y="13437"/>
                  </a:lnTo>
                  <a:lnTo>
                    <a:pt x="21600" y="21600"/>
                  </a:lnTo>
                  <a:lnTo>
                    <a:pt x="14600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73" name="Shape 78">
              <a:extLst>
                <a:ext uri="{FF2B5EF4-FFF2-40B4-BE49-F238E27FC236}">
                  <a16:creationId xmlns:a16="http://schemas.microsoft.com/office/drawing/2014/main" id="{29B91E3F-4B58-C54E-A38B-AB93D50D0251}"/>
                </a:ext>
              </a:extLst>
            </p:cNvPr>
            <p:cNvSpPr/>
            <p:nvPr/>
          </p:nvSpPr>
          <p:spPr>
            <a:xfrm>
              <a:off x="1217232" y="374680"/>
              <a:ext cx="123628" cy="173077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115" y="21600"/>
                  </a:moveTo>
                  <a:cubicBezTo>
                    <a:pt x="6161" y="21600"/>
                    <a:pt x="1673" y="21104"/>
                    <a:pt x="380" y="20773"/>
                  </a:cubicBezTo>
                  <a:lnTo>
                    <a:pt x="380" y="17357"/>
                  </a:lnTo>
                  <a:cubicBezTo>
                    <a:pt x="1825" y="17412"/>
                    <a:pt x="6161" y="17853"/>
                    <a:pt x="9811" y="17853"/>
                  </a:cubicBezTo>
                  <a:cubicBezTo>
                    <a:pt x="13918" y="17853"/>
                    <a:pt x="15059" y="17137"/>
                    <a:pt x="15059" y="15649"/>
                  </a:cubicBezTo>
                  <a:cubicBezTo>
                    <a:pt x="15059" y="14216"/>
                    <a:pt x="14146" y="13886"/>
                    <a:pt x="9963" y="12673"/>
                  </a:cubicBezTo>
                  <a:lnTo>
                    <a:pt x="7834" y="12067"/>
                  </a:lnTo>
                  <a:cubicBezTo>
                    <a:pt x="2434" y="10524"/>
                    <a:pt x="0" y="8761"/>
                    <a:pt x="0" y="5565"/>
                  </a:cubicBezTo>
                  <a:cubicBezTo>
                    <a:pt x="0" y="1433"/>
                    <a:pt x="3803" y="0"/>
                    <a:pt x="11332" y="0"/>
                  </a:cubicBezTo>
                  <a:cubicBezTo>
                    <a:pt x="14603" y="0"/>
                    <a:pt x="18786" y="441"/>
                    <a:pt x="20231" y="771"/>
                  </a:cubicBezTo>
                  <a:lnTo>
                    <a:pt x="20231" y="4133"/>
                  </a:lnTo>
                  <a:cubicBezTo>
                    <a:pt x="17037" y="3912"/>
                    <a:pt x="13918" y="3802"/>
                    <a:pt x="11408" y="3802"/>
                  </a:cubicBezTo>
                  <a:cubicBezTo>
                    <a:pt x="7986" y="3802"/>
                    <a:pt x="6541" y="4022"/>
                    <a:pt x="6541" y="5455"/>
                  </a:cubicBezTo>
                  <a:cubicBezTo>
                    <a:pt x="6541" y="6778"/>
                    <a:pt x="7530" y="7163"/>
                    <a:pt x="11028" y="8155"/>
                  </a:cubicBezTo>
                  <a:lnTo>
                    <a:pt x="13310" y="8816"/>
                  </a:lnTo>
                  <a:cubicBezTo>
                    <a:pt x="19394" y="10580"/>
                    <a:pt x="21524" y="11957"/>
                    <a:pt x="21600" y="15373"/>
                  </a:cubicBezTo>
                  <a:cubicBezTo>
                    <a:pt x="21600" y="19231"/>
                    <a:pt x="18025" y="21600"/>
                    <a:pt x="10115" y="21600"/>
                  </a:cubicBez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74" name="Shape 79">
              <a:extLst>
                <a:ext uri="{FF2B5EF4-FFF2-40B4-BE49-F238E27FC236}">
                  <a16:creationId xmlns:a16="http://schemas.microsoft.com/office/drawing/2014/main" id="{59BEA91F-A318-DC44-9BFE-7CF7A486C9C9}"/>
                </a:ext>
              </a:extLst>
            </p:cNvPr>
            <p:cNvSpPr/>
            <p:nvPr/>
          </p:nvSpPr>
          <p:spPr>
            <a:xfrm>
              <a:off x="1371288" y="315719"/>
              <a:ext cx="142647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5703" y="21600"/>
                  </a:moveTo>
                  <a:lnTo>
                    <a:pt x="15703" y="11721"/>
                  </a:lnTo>
                  <a:cubicBezTo>
                    <a:pt x="15703" y="9293"/>
                    <a:pt x="14709" y="8623"/>
                    <a:pt x="11794" y="8623"/>
                  </a:cubicBezTo>
                  <a:cubicBezTo>
                    <a:pt x="9475" y="8623"/>
                    <a:pt x="7090" y="9126"/>
                    <a:pt x="5764" y="9502"/>
                  </a:cubicBezTo>
                  <a:lnTo>
                    <a:pt x="5764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5764" y="0"/>
                  </a:lnTo>
                  <a:lnTo>
                    <a:pt x="5764" y="6740"/>
                  </a:lnTo>
                  <a:cubicBezTo>
                    <a:pt x="7487" y="6153"/>
                    <a:pt x="10270" y="5567"/>
                    <a:pt x="13450" y="5567"/>
                  </a:cubicBezTo>
                  <a:cubicBezTo>
                    <a:pt x="19546" y="5567"/>
                    <a:pt x="21600" y="7870"/>
                    <a:pt x="21600" y="11679"/>
                  </a:cubicBezTo>
                  <a:lnTo>
                    <a:pt x="21600" y="21600"/>
                  </a:lnTo>
                  <a:lnTo>
                    <a:pt x="15703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75" name="Shape 80">
              <a:extLst>
                <a:ext uri="{FF2B5EF4-FFF2-40B4-BE49-F238E27FC236}">
                  <a16:creationId xmlns:a16="http://schemas.microsoft.com/office/drawing/2014/main" id="{C84175A0-A6C8-A141-B1A0-A9E725E8ED98}"/>
                </a:ext>
              </a:extLst>
            </p:cNvPr>
            <p:cNvSpPr/>
            <p:nvPr/>
          </p:nvSpPr>
          <p:spPr>
            <a:xfrm>
              <a:off x="1542462" y="374680"/>
              <a:ext cx="148352" cy="174979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832" y="21600"/>
                  </a:moveTo>
                  <a:cubicBezTo>
                    <a:pt x="3846" y="21600"/>
                    <a:pt x="0" y="18522"/>
                    <a:pt x="0" y="12037"/>
                  </a:cubicBezTo>
                  <a:lnTo>
                    <a:pt x="0" y="9508"/>
                  </a:lnTo>
                  <a:cubicBezTo>
                    <a:pt x="0" y="3023"/>
                    <a:pt x="3846" y="0"/>
                    <a:pt x="10832" y="0"/>
                  </a:cubicBezTo>
                  <a:cubicBezTo>
                    <a:pt x="17754" y="0"/>
                    <a:pt x="21600" y="3023"/>
                    <a:pt x="21600" y="9508"/>
                  </a:cubicBezTo>
                  <a:lnTo>
                    <a:pt x="21600" y="12037"/>
                  </a:lnTo>
                  <a:cubicBezTo>
                    <a:pt x="21600" y="18522"/>
                    <a:pt x="17754" y="21600"/>
                    <a:pt x="10832" y="21600"/>
                  </a:cubicBezTo>
                  <a:close/>
                  <a:moveTo>
                    <a:pt x="16024" y="9508"/>
                  </a:moveTo>
                  <a:cubicBezTo>
                    <a:pt x="16024" y="5551"/>
                    <a:pt x="14485" y="4122"/>
                    <a:pt x="10832" y="4122"/>
                  </a:cubicBezTo>
                  <a:cubicBezTo>
                    <a:pt x="7179" y="4122"/>
                    <a:pt x="5576" y="5551"/>
                    <a:pt x="5576" y="9508"/>
                  </a:cubicBezTo>
                  <a:lnTo>
                    <a:pt x="5576" y="12037"/>
                  </a:lnTo>
                  <a:cubicBezTo>
                    <a:pt x="5576" y="15939"/>
                    <a:pt x="7179" y="17478"/>
                    <a:pt x="10832" y="17478"/>
                  </a:cubicBezTo>
                  <a:cubicBezTo>
                    <a:pt x="14485" y="17478"/>
                    <a:pt x="16024" y="15939"/>
                    <a:pt x="16024" y="12037"/>
                  </a:cubicBezTo>
                  <a:lnTo>
                    <a:pt x="16024" y="9508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76" name="Shape 81">
              <a:extLst>
                <a:ext uri="{FF2B5EF4-FFF2-40B4-BE49-F238E27FC236}">
                  <a16:creationId xmlns:a16="http://schemas.microsoft.com/office/drawing/2014/main" id="{5D99F63A-43D0-CD4A-882B-68C144707C85}"/>
                </a:ext>
              </a:extLst>
            </p:cNvPr>
            <p:cNvSpPr/>
            <p:nvPr/>
          </p:nvSpPr>
          <p:spPr>
            <a:xfrm>
              <a:off x="1723145" y="315719"/>
              <a:ext cx="38039" cy="228233"/>
            </a:xfrm>
            <a:prstGeom prst="rect">
              <a:avLst/>
            </a:pr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77" name="Shape 82">
              <a:extLst>
                <a:ext uri="{FF2B5EF4-FFF2-40B4-BE49-F238E27FC236}">
                  <a16:creationId xmlns:a16="http://schemas.microsoft.com/office/drawing/2014/main" id="{BD77380F-5F73-FE4C-9C75-1C5119EF58F4}"/>
                </a:ext>
              </a:extLst>
            </p:cNvPr>
            <p:cNvSpPr/>
            <p:nvPr/>
          </p:nvSpPr>
          <p:spPr>
            <a:xfrm>
              <a:off x="1804928" y="374679"/>
              <a:ext cx="222527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866" y="21600"/>
                  </a:moveTo>
                  <a:lnTo>
                    <a:pt x="17866" y="7783"/>
                  </a:lnTo>
                  <a:cubicBezTo>
                    <a:pt x="17866" y="5470"/>
                    <a:pt x="17823" y="4117"/>
                    <a:pt x="15871" y="4117"/>
                  </a:cubicBezTo>
                  <a:cubicBezTo>
                    <a:pt x="14980" y="4117"/>
                    <a:pt x="13664" y="4568"/>
                    <a:pt x="12561" y="5358"/>
                  </a:cubicBezTo>
                  <a:cubicBezTo>
                    <a:pt x="12646" y="6204"/>
                    <a:pt x="12646" y="6993"/>
                    <a:pt x="12646" y="7783"/>
                  </a:cubicBezTo>
                  <a:lnTo>
                    <a:pt x="12646" y="21600"/>
                  </a:lnTo>
                  <a:lnTo>
                    <a:pt x="8954" y="21600"/>
                  </a:lnTo>
                  <a:lnTo>
                    <a:pt x="8954" y="7783"/>
                  </a:lnTo>
                  <a:cubicBezTo>
                    <a:pt x="8954" y="5414"/>
                    <a:pt x="8912" y="4117"/>
                    <a:pt x="7129" y="4117"/>
                  </a:cubicBezTo>
                  <a:cubicBezTo>
                    <a:pt x="5941" y="4117"/>
                    <a:pt x="4668" y="4794"/>
                    <a:pt x="3692" y="5470"/>
                  </a:cubicBezTo>
                  <a:lnTo>
                    <a:pt x="3692" y="21600"/>
                  </a:lnTo>
                  <a:lnTo>
                    <a:pt x="0" y="21600"/>
                  </a:lnTo>
                  <a:lnTo>
                    <a:pt x="0" y="508"/>
                  </a:lnTo>
                  <a:lnTo>
                    <a:pt x="3565" y="508"/>
                  </a:lnTo>
                  <a:lnTo>
                    <a:pt x="3565" y="2199"/>
                  </a:lnTo>
                  <a:cubicBezTo>
                    <a:pt x="4838" y="846"/>
                    <a:pt x="6535" y="0"/>
                    <a:pt x="8275" y="0"/>
                  </a:cubicBezTo>
                  <a:cubicBezTo>
                    <a:pt x="10185" y="0"/>
                    <a:pt x="11246" y="846"/>
                    <a:pt x="11882" y="2256"/>
                  </a:cubicBezTo>
                  <a:cubicBezTo>
                    <a:pt x="13707" y="620"/>
                    <a:pt x="15362" y="0"/>
                    <a:pt x="16805" y="0"/>
                  </a:cubicBezTo>
                  <a:cubicBezTo>
                    <a:pt x="21303" y="0"/>
                    <a:pt x="21600" y="3891"/>
                    <a:pt x="21600" y="7670"/>
                  </a:cubicBezTo>
                  <a:lnTo>
                    <a:pt x="21600" y="21600"/>
                  </a:lnTo>
                  <a:lnTo>
                    <a:pt x="17866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78" name="Shape 83">
              <a:extLst>
                <a:ext uri="{FF2B5EF4-FFF2-40B4-BE49-F238E27FC236}">
                  <a16:creationId xmlns:a16="http://schemas.microsoft.com/office/drawing/2014/main" id="{0EBF8083-B8DE-E043-87A7-CDA1FA34B5F9}"/>
                </a:ext>
              </a:extLst>
            </p:cNvPr>
            <p:cNvSpPr/>
            <p:nvPr/>
          </p:nvSpPr>
          <p:spPr>
            <a:xfrm>
              <a:off x="2069295" y="325229"/>
              <a:ext cx="154058" cy="21872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194" y="21600"/>
                  </a:moveTo>
                  <a:lnTo>
                    <a:pt x="10096" y="13144"/>
                  </a:lnTo>
                  <a:cubicBezTo>
                    <a:pt x="9240" y="13188"/>
                    <a:pt x="8138" y="13188"/>
                    <a:pt x="7220" y="13188"/>
                  </a:cubicBezTo>
                  <a:lnTo>
                    <a:pt x="3733" y="13188"/>
                  </a:lnTo>
                  <a:lnTo>
                    <a:pt x="3733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7098" y="0"/>
                  </a:lnTo>
                  <a:cubicBezTo>
                    <a:pt x="14074" y="0"/>
                    <a:pt x="19703" y="1008"/>
                    <a:pt x="19703" y="6572"/>
                  </a:cubicBezTo>
                  <a:cubicBezTo>
                    <a:pt x="19703" y="10033"/>
                    <a:pt x="17561" y="11742"/>
                    <a:pt x="14074" y="12618"/>
                  </a:cubicBezTo>
                  <a:lnTo>
                    <a:pt x="21600" y="21600"/>
                  </a:lnTo>
                  <a:lnTo>
                    <a:pt x="17194" y="21600"/>
                  </a:lnTo>
                  <a:close/>
                  <a:moveTo>
                    <a:pt x="7098" y="2366"/>
                  </a:moveTo>
                  <a:lnTo>
                    <a:pt x="3733" y="2366"/>
                  </a:lnTo>
                  <a:lnTo>
                    <a:pt x="3733" y="10822"/>
                  </a:lnTo>
                  <a:lnTo>
                    <a:pt x="7220" y="10822"/>
                  </a:lnTo>
                  <a:cubicBezTo>
                    <a:pt x="13156" y="10822"/>
                    <a:pt x="15909" y="9989"/>
                    <a:pt x="15909" y="6572"/>
                  </a:cubicBezTo>
                  <a:cubicBezTo>
                    <a:pt x="15909" y="2979"/>
                    <a:pt x="12972" y="2366"/>
                    <a:pt x="7098" y="236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79" name="Shape 84">
              <a:extLst>
                <a:ext uri="{FF2B5EF4-FFF2-40B4-BE49-F238E27FC236}">
                  <a16:creationId xmlns:a16="http://schemas.microsoft.com/office/drawing/2014/main" id="{85FA3895-09EC-A649-9B0C-354DEEBEB8BE}"/>
                </a:ext>
              </a:extLst>
            </p:cNvPr>
            <p:cNvSpPr/>
            <p:nvPr/>
          </p:nvSpPr>
          <p:spPr>
            <a:xfrm>
              <a:off x="2242371" y="378483"/>
              <a:ext cx="135039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098" y="12037"/>
                  </a:moveTo>
                  <a:lnTo>
                    <a:pt x="4098" y="12431"/>
                  </a:lnTo>
                  <a:cubicBezTo>
                    <a:pt x="4098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766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696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098" y="12037"/>
                  </a:lnTo>
                  <a:close/>
                  <a:moveTo>
                    <a:pt x="17294" y="8888"/>
                  </a:moveTo>
                  <a:cubicBezTo>
                    <a:pt x="17294" y="6412"/>
                    <a:pt x="16669" y="2925"/>
                    <a:pt x="10765" y="2925"/>
                  </a:cubicBezTo>
                  <a:cubicBezTo>
                    <a:pt x="4931" y="2925"/>
                    <a:pt x="4167" y="6412"/>
                    <a:pt x="4167" y="8888"/>
                  </a:cubicBezTo>
                  <a:lnTo>
                    <a:pt x="4167" y="9281"/>
                  </a:lnTo>
                  <a:lnTo>
                    <a:pt x="17294" y="9281"/>
                  </a:lnTo>
                  <a:lnTo>
                    <a:pt x="17294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80" name="Shape 85">
              <a:extLst>
                <a:ext uri="{FF2B5EF4-FFF2-40B4-BE49-F238E27FC236}">
                  <a16:creationId xmlns:a16="http://schemas.microsoft.com/office/drawing/2014/main" id="{04C1CB98-0CEE-1547-82DB-9E55CCAADCC7}"/>
                </a:ext>
              </a:extLst>
            </p:cNvPr>
            <p:cNvSpPr/>
            <p:nvPr/>
          </p:nvSpPr>
          <p:spPr>
            <a:xfrm>
              <a:off x="2405936" y="378483"/>
              <a:ext cx="114118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302" y="21600"/>
                  </a:moveTo>
                  <a:cubicBezTo>
                    <a:pt x="6065" y="21600"/>
                    <a:pt x="1412" y="20981"/>
                    <a:pt x="415" y="20756"/>
                  </a:cubicBezTo>
                  <a:lnTo>
                    <a:pt x="415" y="18169"/>
                  </a:lnTo>
                  <a:cubicBezTo>
                    <a:pt x="2243" y="18281"/>
                    <a:pt x="6480" y="18731"/>
                    <a:pt x="10135" y="18731"/>
                  </a:cubicBezTo>
                  <a:cubicBezTo>
                    <a:pt x="15286" y="18731"/>
                    <a:pt x="16615" y="17775"/>
                    <a:pt x="16615" y="15975"/>
                  </a:cubicBezTo>
                  <a:cubicBezTo>
                    <a:pt x="16615" y="14119"/>
                    <a:pt x="15702" y="13556"/>
                    <a:pt x="10551" y="12094"/>
                  </a:cubicBezTo>
                  <a:lnTo>
                    <a:pt x="8308" y="11419"/>
                  </a:lnTo>
                  <a:cubicBezTo>
                    <a:pt x="2492" y="9731"/>
                    <a:pt x="0" y="8100"/>
                    <a:pt x="0" y="5119"/>
                  </a:cubicBezTo>
                  <a:cubicBezTo>
                    <a:pt x="0" y="1687"/>
                    <a:pt x="3323" y="0"/>
                    <a:pt x="10966" y="0"/>
                  </a:cubicBezTo>
                  <a:cubicBezTo>
                    <a:pt x="15037" y="0"/>
                    <a:pt x="19025" y="506"/>
                    <a:pt x="20105" y="787"/>
                  </a:cubicBezTo>
                  <a:lnTo>
                    <a:pt x="20105" y="3262"/>
                  </a:lnTo>
                  <a:cubicBezTo>
                    <a:pt x="16948" y="3037"/>
                    <a:pt x="13292" y="2869"/>
                    <a:pt x="11215" y="2869"/>
                  </a:cubicBezTo>
                  <a:cubicBezTo>
                    <a:pt x="6812" y="2869"/>
                    <a:pt x="4985" y="3262"/>
                    <a:pt x="4985" y="5119"/>
                  </a:cubicBezTo>
                  <a:cubicBezTo>
                    <a:pt x="4985" y="6750"/>
                    <a:pt x="5982" y="7425"/>
                    <a:pt x="10218" y="8662"/>
                  </a:cubicBezTo>
                  <a:lnTo>
                    <a:pt x="12462" y="9337"/>
                  </a:lnTo>
                  <a:cubicBezTo>
                    <a:pt x="19523" y="11419"/>
                    <a:pt x="21600" y="12712"/>
                    <a:pt x="21600" y="15863"/>
                  </a:cubicBezTo>
                  <a:cubicBezTo>
                    <a:pt x="21600" y="18844"/>
                    <a:pt x="19274" y="21600"/>
                    <a:pt x="10302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81" name="Shape 86">
              <a:extLst>
                <a:ext uri="{FF2B5EF4-FFF2-40B4-BE49-F238E27FC236}">
                  <a16:creationId xmlns:a16="http://schemas.microsoft.com/office/drawing/2014/main" id="{5AB20D63-6721-0B42-AB1E-7E71E70F64F3}"/>
                </a:ext>
              </a:extLst>
            </p:cNvPr>
            <p:cNvSpPr/>
            <p:nvPr/>
          </p:nvSpPr>
          <p:spPr>
            <a:xfrm>
              <a:off x="2546679" y="378483"/>
              <a:ext cx="136941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363" y="8888"/>
                  </a:moveTo>
                  <a:cubicBezTo>
                    <a:pt x="17363" y="6412"/>
                    <a:pt x="16669" y="2925"/>
                    <a:pt x="10765" y="2925"/>
                  </a:cubicBezTo>
                  <a:cubicBezTo>
                    <a:pt x="5001" y="2925"/>
                    <a:pt x="4237" y="6412"/>
                    <a:pt x="4237" y="8888"/>
                  </a:cubicBezTo>
                  <a:lnTo>
                    <a:pt x="4237" y="9281"/>
                  </a:lnTo>
                  <a:lnTo>
                    <a:pt x="17363" y="9281"/>
                  </a:lnTo>
                  <a:lnTo>
                    <a:pt x="17363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82" name="Shape 87">
              <a:extLst>
                <a:ext uri="{FF2B5EF4-FFF2-40B4-BE49-F238E27FC236}">
                  <a16:creationId xmlns:a16="http://schemas.microsoft.com/office/drawing/2014/main" id="{70041CF1-75FE-4B4F-A735-7C437C9E03CA}"/>
                </a:ext>
              </a:extLst>
            </p:cNvPr>
            <p:cNvSpPr/>
            <p:nvPr/>
          </p:nvSpPr>
          <p:spPr>
            <a:xfrm>
              <a:off x="2712147" y="378483"/>
              <a:ext cx="123627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34" y="21094"/>
                  </a:moveTo>
                  <a:lnTo>
                    <a:pt x="17234" y="19687"/>
                  </a:lnTo>
                  <a:cubicBezTo>
                    <a:pt x="15549" y="20531"/>
                    <a:pt x="12485" y="21600"/>
                    <a:pt x="8349" y="21600"/>
                  </a:cubicBezTo>
                  <a:cubicBezTo>
                    <a:pt x="3140" y="21600"/>
                    <a:pt x="0" y="19856"/>
                    <a:pt x="0" y="15750"/>
                  </a:cubicBezTo>
                  <a:lnTo>
                    <a:pt x="0" y="15019"/>
                  </a:lnTo>
                  <a:cubicBezTo>
                    <a:pt x="0" y="9619"/>
                    <a:pt x="5055" y="8662"/>
                    <a:pt x="12868" y="8662"/>
                  </a:cubicBezTo>
                  <a:lnTo>
                    <a:pt x="17004" y="8662"/>
                  </a:lnTo>
                  <a:lnTo>
                    <a:pt x="17004" y="7200"/>
                  </a:lnTo>
                  <a:cubicBezTo>
                    <a:pt x="17004" y="3656"/>
                    <a:pt x="16085" y="2869"/>
                    <a:pt x="10494" y="2869"/>
                  </a:cubicBezTo>
                  <a:cubicBezTo>
                    <a:pt x="7353" y="2869"/>
                    <a:pt x="4902" y="3037"/>
                    <a:pt x="1838" y="3319"/>
                  </a:cubicBezTo>
                  <a:lnTo>
                    <a:pt x="1838" y="900"/>
                  </a:lnTo>
                  <a:cubicBezTo>
                    <a:pt x="2681" y="675"/>
                    <a:pt x="6511" y="0"/>
                    <a:pt x="10800" y="0"/>
                  </a:cubicBezTo>
                  <a:cubicBezTo>
                    <a:pt x="20145" y="0"/>
                    <a:pt x="21600" y="2531"/>
                    <a:pt x="21600" y="7200"/>
                  </a:cubicBezTo>
                  <a:lnTo>
                    <a:pt x="21600" y="21094"/>
                  </a:lnTo>
                  <a:lnTo>
                    <a:pt x="17234" y="21094"/>
                  </a:lnTo>
                  <a:close/>
                  <a:moveTo>
                    <a:pt x="17004" y="11194"/>
                  </a:moveTo>
                  <a:lnTo>
                    <a:pt x="12868" y="11194"/>
                  </a:lnTo>
                  <a:cubicBezTo>
                    <a:pt x="6970" y="11194"/>
                    <a:pt x="4596" y="11756"/>
                    <a:pt x="4596" y="15019"/>
                  </a:cubicBezTo>
                  <a:lnTo>
                    <a:pt x="4596" y="16031"/>
                  </a:lnTo>
                  <a:cubicBezTo>
                    <a:pt x="4596" y="18337"/>
                    <a:pt x="6511" y="18956"/>
                    <a:pt x="9268" y="18956"/>
                  </a:cubicBezTo>
                  <a:cubicBezTo>
                    <a:pt x="12562" y="18956"/>
                    <a:pt x="15855" y="17888"/>
                    <a:pt x="17004" y="17325"/>
                  </a:cubicBezTo>
                  <a:lnTo>
                    <a:pt x="17004" y="11194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83" name="Shape 88">
              <a:extLst>
                <a:ext uri="{FF2B5EF4-FFF2-40B4-BE49-F238E27FC236}">
                  <a16:creationId xmlns:a16="http://schemas.microsoft.com/office/drawing/2014/main" id="{AE7937E2-4CCA-2740-BC80-74DBF2D563EA}"/>
                </a:ext>
              </a:extLst>
            </p:cNvPr>
            <p:cNvSpPr/>
            <p:nvPr/>
          </p:nvSpPr>
          <p:spPr>
            <a:xfrm>
              <a:off x="2881418" y="378483"/>
              <a:ext cx="83687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6779" y="4896"/>
                  </a:moveTo>
                  <a:lnTo>
                    <a:pt x="6779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6664" y="576"/>
                  </a:lnTo>
                  <a:lnTo>
                    <a:pt x="6664" y="2246"/>
                  </a:lnTo>
                  <a:cubicBezTo>
                    <a:pt x="10685" y="691"/>
                    <a:pt x="15740" y="0"/>
                    <a:pt x="21600" y="0"/>
                  </a:cubicBezTo>
                  <a:lnTo>
                    <a:pt x="21600" y="3053"/>
                  </a:lnTo>
                  <a:cubicBezTo>
                    <a:pt x="16200" y="3053"/>
                    <a:pt x="9996" y="3859"/>
                    <a:pt x="6779" y="489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84" name="Shape 89">
              <a:extLst>
                <a:ext uri="{FF2B5EF4-FFF2-40B4-BE49-F238E27FC236}">
                  <a16:creationId xmlns:a16="http://schemas.microsoft.com/office/drawing/2014/main" id="{CB50FE25-940A-134A-AE8E-767507967FBE}"/>
                </a:ext>
              </a:extLst>
            </p:cNvPr>
            <p:cNvSpPr/>
            <p:nvPr/>
          </p:nvSpPr>
          <p:spPr>
            <a:xfrm>
              <a:off x="2982220" y="378483"/>
              <a:ext cx="108412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2614" y="21600"/>
                  </a:moveTo>
                  <a:cubicBezTo>
                    <a:pt x="4061" y="21600"/>
                    <a:pt x="0" y="18169"/>
                    <a:pt x="0" y="12319"/>
                  </a:cubicBezTo>
                  <a:lnTo>
                    <a:pt x="0" y="9225"/>
                  </a:lnTo>
                  <a:cubicBezTo>
                    <a:pt x="0" y="3319"/>
                    <a:pt x="4061" y="0"/>
                    <a:pt x="12614" y="0"/>
                  </a:cubicBezTo>
                  <a:cubicBezTo>
                    <a:pt x="17194" y="0"/>
                    <a:pt x="20563" y="506"/>
                    <a:pt x="21600" y="731"/>
                  </a:cubicBezTo>
                  <a:lnTo>
                    <a:pt x="21600" y="3262"/>
                  </a:lnTo>
                  <a:cubicBezTo>
                    <a:pt x="17798" y="2981"/>
                    <a:pt x="15034" y="2869"/>
                    <a:pt x="13392" y="2869"/>
                  </a:cubicBezTo>
                  <a:cubicBezTo>
                    <a:pt x="8294" y="2869"/>
                    <a:pt x="5184" y="4106"/>
                    <a:pt x="5184" y="9225"/>
                  </a:cubicBezTo>
                  <a:lnTo>
                    <a:pt x="5184" y="12319"/>
                  </a:lnTo>
                  <a:cubicBezTo>
                    <a:pt x="5184" y="17438"/>
                    <a:pt x="8294" y="18731"/>
                    <a:pt x="13392" y="18731"/>
                  </a:cubicBezTo>
                  <a:cubicBezTo>
                    <a:pt x="15034" y="18731"/>
                    <a:pt x="17798" y="18619"/>
                    <a:pt x="21600" y="18337"/>
                  </a:cubicBezTo>
                  <a:lnTo>
                    <a:pt x="21600" y="20869"/>
                  </a:lnTo>
                  <a:cubicBezTo>
                    <a:pt x="20563" y="21094"/>
                    <a:pt x="17194" y="21600"/>
                    <a:pt x="12614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85" name="Shape 90">
              <a:extLst>
                <a:ext uri="{FF2B5EF4-FFF2-40B4-BE49-F238E27FC236}">
                  <a16:creationId xmlns:a16="http://schemas.microsoft.com/office/drawing/2014/main" id="{10F1014B-BCB1-FF4B-B0D7-EDC49AEDB570}"/>
                </a:ext>
              </a:extLst>
            </p:cNvPr>
            <p:cNvSpPr/>
            <p:nvPr/>
          </p:nvSpPr>
          <p:spPr>
            <a:xfrm>
              <a:off x="3128668" y="315719"/>
              <a:ext cx="127431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07" y="21600"/>
                  </a:moveTo>
                  <a:lnTo>
                    <a:pt x="17207" y="11893"/>
                  </a:lnTo>
                  <a:cubicBezTo>
                    <a:pt x="17207" y="8867"/>
                    <a:pt x="15816" y="8026"/>
                    <a:pt x="12155" y="8026"/>
                  </a:cubicBezTo>
                  <a:cubicBezTo>
                    <a:pt x="9079" y="8026"/>
                    <a:pt x="6004" y="8657"/>
                    <a:pt x="4320" y="9119"/>
                  </a:cubicBezTo>
                  <a:lnTo>
                    <a:pt x="4320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4320" y="0"/>
                  </a:lnTo>
                  <a:lnTo>
                    <a:pt x="4320" y="7102"/>
                  </a:lnTo>
                  <a:cubicBezTo>
                    <a:pt x="6004" y="6598"/>
                    <a:pt x="9153" y="5841"/>
                    <a:pt x="13033" y="5841"/>
                  </a:cubicBezTo>
                  <a:cubicBezTo>
                    <a:pt x="18818" y="5841"/>
                    <a:pt x="21600" y="7774"/>
                    <a:pt x="21600" y="11809"/>
                  </a:cubicBezTo>
                  <a:lnTo>
                    <a:pt x="21600" y="21600"/>
                  </a:lnTo>
                  <a:lnTo>
                    <a:pt x="17207" y="216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86" name="Shape 91">
              <a:extLst>
                <a:ext uri="{FF2B5EF4-FFF2-40B4-BE49-F238E27FC236}">
                  <a16:creationId xmlns:a16="http://schemas.microsoft.com/office/drawing/2014/main" id="{6EA126F1-564F-3C46-9FA7-C5DCF015D16F}"/>
                </a:ext>
              </a:extLst>
            </p:cNvPr>
            <p:cNvSpPr/>
            <p:nvPr/>
          </p:nvSpPr>
          <p:spPr>
            <a:xfrm>
              <a:off x="3290332" y="321425"/>
              <a:ext cx="136941" cy="22633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3689" y="21600"/>
                  </a:moveTo>
                  <a:cubicBezTo>
                    <a:pt x="5985" y="21600"/>
                    <a:pt x="0" y="19821"/>
                    <a:pt x="0" y="12494"/>
                  </a:cubicBezTo>
                  <a:lnTo>
                    <a:pt x="0" y="9021"/>
                  </a:lnTo>
                  <a:cubicBezTo>
                    <a:pt x="0" y="1694"/>
                    <a:pt x="5985" y="0"/>
                    <a:pt x="13689" y="0"/>
                  </a:cubicBezTo>
                  <a:cubicBezTo>
                    <a:pt x="16854" y="0"/>
                    <a:pt x="20224" y="339"/>
                    <a:pt x="21600" y="466"/>
                  </a:cubicBezTo>
                  <a:lnTo>
                    <a:pt x="21600" y="2584"/>
                  </a:lnTo>
                  <a:cubicBezTo>
                    <a:pt x="19468" y="2456"/>
                    <a:pt x="16234" y="2287"/>
                    <a:pt x="13689" y="2287"/>
                  </a:cubicBezTo>
                  <a:cubicBezTo>
                    <a:pt x="7292" y="2287"/>
                    <a:pt x="4196" y="3896"/>
                    <a:pt x="4196" y="9021"/>
                  </a:cubicBezTo>
                  <a:lnTo>
                    <a:pt x="4196" y="12494"/>
                  </a:lnTo>
                  <a:cubicBezTo>
                    <a:pt x="4196" y="17619"/>
                    <a:pt x="7292" y="19271"/>
                    <a:pt x="13689" y="19271"/>
                  </a:cubicBezTo>
                  <a:cubicBezTo>
                    <a:pt x="16234" y="19271"/>
                    <a:pt x="19468" y="19101"/>
                    <a:pt x="21600" y="19016"/>
                  </a:cubicBezTo>
                  <a:lnTo>
                    <a:pt x="21600" y="21134"/>
                  </a:lnTo>
                  <a:cubicBezTo>
                    <a:pt x="20224" y="21261"/>
                    <a:pt x="16854" y="21600"/>
                    <a:pt x="13689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87" name="Shape 92">
              <a:extLst>
                <a:ext uri="{FF2B5EF4-FFF2-40B4-BE49-F238E27FC236}">
                  <a16:creationId xmlns:a16="http://schemas.microsoft.com/office/drawing/2014/main" id="{7B138BD4-B0E6-5641-A257-B25495A1106B}"/>
                </a:ext>
              </a:extLst>
            </p:cNvPr>
            <p:cNvSpPr/>
            <p:nvPr/>
          </p:nvSpPr>
          <p:spPr>
            <a:xfrm>
              <a:off x="3448192" y="378483"/>
              <a:ext cx="136940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294" y="8888"/>
                  </a:moveTo>
                  <a:cubicBezTo>
                    <a:pt x="17294" y="6412"/>
                    <a:pt x="16669" y="2925"/>
                    <a:pt x="10765" y="2925"/>
                  </a:cubicBezTo>
                  <a:cubicBezTo>
                    <a:pt x="5001" y="2925"/>
                    <a:pt x="4167" y="6412"/>
                    <a:pt x="4167" y="8888"/>
                  </a:cubicBezTo>
                  <a:lnTo>
                    <a:pt x="4167" y="9281"/>
                  </a:lnTo>
                  <a:lnTo>
                    <a:pt x="17294" y="9281"/>
                  </a:lnTo>
                  <a:lnTo>
                    <a:pt x="17294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88" name="Shape 93">
              <a:extLst>
                <a:ext uri="{FF2B5EF4-FFF2-40B4-BE49-F238E27FC236}">
                  <a16:creationId xmlns:a16="http://schemas.microsoft.com/office/drawing/2014/main" id="{0FE44246-0DB3-424C-9725-A1762EB4F769}"/>
                </a:ext>
              </a:extLst>
            </p:cNvPr>
            <p:cNvSpPr/>
            <p:nvPr/>
          </p:nvSpPr>
          <p:spPr>
            <a:xfrm>
              <a:off x="3621267" y="378483"/>
              <a:ext cx="129333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07" y="21600"/>
                  </a:moveTo>
                  <a:lnTo>
                    <a:pt x="17207" y="8179"/>
                  </a:lnTo>
                  <a:cubicBezTo>
                    <a:pt x="17207" y="4320"/>
                    <a:pt x="16401" y="2938"/>
                    <a:pt x="12740" y="2938"/>
                  </a:cubicBezTo>
                  <a:cubicBezTo>
                    <a:pt x="10617" y="2938"/>
                    <a:pt x="7908" y="3629"/>
                    <a:pt x="4320" y="4838"/>
                  </a:cubicBezTo>
                  <a:lnTo>
                    <a:pt x="4320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4320" y="576"/>
                  </a:lnTo>
                  <a:lnTo>
                    <a:pt x="4320" y="2189"/>
                  </a:lnTo>
                  <a:cubicBezTo>
                    <a:pt x="7468" y="922"/>
                    <a:pt x="10251" y="0"/>
                    <a:pt x="13253" y="0"/>
                  </a:cubicBezTo>
                  <a:cubicBezTo>
                    <a:pt x="20355" y="0"/>
                    <a:pt x="21600" y="3053"/>
                    <a:pt x="21600" y="8179"/>
                  </a:cubicBezTo>
                  <a:lnTo>
                    <a:pt x="21600" y="21600"/>
                  </a:lnTo>
                  <a:lnTo>
                    <a:pt x="17207" y="216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89" name="Shape 94">
              <a:extLst>
                <a:ext uri="{FF2B5EF4-FFF2-40B4-BE49-F238E27FC236}">
                  <a16:creationId xmlns:a16="http://schemas.microsoft.com/office/drawing/2014/main" id="{5AE34283-E0F9-DE4F-90FF-21A409902957}"/>
                </a:ext>
              </a:extLst>
            </p:cNvPr>
            <p:cNvSpPr/>
            <p:nvPr/>
          </p:nvSpPr>
          <p:spPr>
            <a:xfrm>
              <a:off x="3775323" y="340444"/>
              <a:ext cx="100804" cy="20731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5335" y="21600"/>
                  </a:moveTo>
                  <a:cubicBezTo>
                    <a:pt x="9070" y="21600"/>
                    <a:pt x="6826" y="20495"/>
                    <a:pt x="6826" y="17317"/>
                  </a:cubicBezTo>
                  <a:lnTo>
                    <a:pt x="6826" y="6632"/>
                  </a:lnTo>
                  <a:lnTo>
                    <a:pt x="0" y="6402"/>
                  </a:lnTo>
                  <a:lnTo>
                    <a:pt x="0" y="4375"/>
                  </a:lnTo>
                  <a:lnTo>
                    <a:pt x="6826" y="4375"/>
                  </a:lnTo>
                  <a:lnTo>
                    <a:pt x="6826" y="0"/>
                  </a:lnTo>
                  <a:lnTo>
                    <a:pt x="12436" y="0"/>
                  </a:lnTo>
                  <a:lnTo>
                    <a:pt x="12436" y="4375"/>
                  </a:lnTo>
                  <a:lnTo>
                    <a:pt x="21600" y="4375"/>
                  </a:lnTo>
                  <a:lnTo>
                    <a:pt x="21600" y="6632"/>
                  </a:lnTo>
                  <a:lnTo>
                    <a:pt x="12436" y="6632"/>
                  </a:lnTo>
                  <a:lnTo>
                    <a:pt x="12436" y="17179"/>
                  </a:lnTo>
                  <a:cubicBezTo>
                    <a:pt x="12436" y="19067"/>
                    <a:pt x="12810" y="19389"/>
                    <a:pt x="15896" y="19389"/>
                  </a:cubicBezTo>
                  <a:cubicBezTo>
                    <a:pt x="17860" y="19389"/>
                    <a:pt x="20478" y="19297"/>
                    <a:pt x="21600" y="19251"/>
                  </a:cubicBezTo>
                  <a:lnTo>
                    <a:pt x="21600" y="21139"/>
                  </a:lnTo>
                  <a:cubicBezTo>
                    <a:pt x="20665" y="21278"/>
                    <a:pt x="17953" y="21600"/>
                    <a:pt x="15335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0" name="Shape 95">
              <a:extLst>
                <a:ext uri="{FF2B5EF4-FFF2-40B4-BE49-F238E27FC236}">
                  <a16:creationId xmlns:a16="http://schemas.microsoft.com/office/drawing/2014/main" id="{A7211B1A-6B37-0F48-B158-280C89AEEED2}"/>
                </a:ext>
              </a:extLst>
            </p:cNvPr>
            <p:cNvSpPr/>
            <p:nvPr/>
          </p:nvSpPr>
          <p:spPr>
            <a:xfrm>
              <a:off x="3914164" y="378483"/>
              <a:ext cx="81785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6779" y="4896"/>
                  </a:moveTo>
                  <a:lnTo>
                    <a:pt x="6779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6664" y="576"/>
                  </a:lnTo>
                  <a:lnTo>
                    <a:pt x="6664" y="2246"/>
                  </a:lnTo>
                  <a:cubicBezTo>
                    <a:pt x="10570" y="691"/>
                    <a:pt x="15740" y="0"/>
                    <a:pt x="21600" y="0"/>
                  </a:cubicBezTo>
                  <a:lnTo>
                    <a:pt x="21600" y="3053"/>
                  </a:lnTo>
                  <a:cubicBezTo>
                    <a:pt x="16085" y="3053"/>
                    <a:pt x="9881" y="3859"/>
                    <a:pt x="6779" y="489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1" name="Shape 96">
              <a:extLst>
                <a:ext uri="{FF2B5EF4-FFF2-40B4-BE49-F238E27FC236}">
                  <a16:creationId xmlns:a16="http://schemas.microsoft.com/office/drawing/2014/main" id="{F15B48A2-8CC9-C548-8E10-E915E136DC76}"/>
                </a:ext>
              </a:extLst>
            </p:cNvPr>
            <p:cNvSpPr/>
            <p:nvPr/>
          </p:nvSpPr>
          <p:spPr>
            <a:xfrm>
              <a:off x="4009260" y="378483"/>
              <a:ext cx="135039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363" y="8888"/>
                  </a:moveTo>
                  <a:cubicBezTo>
                    <a:pt x="17363" y="6412"/>
                    <a:pt x="16669" y="2925"/>
                    <a:pt x="10765" y="2925"/>
                  </a:cubicBezTo>
                  <a:cubicBezTo>
                    <a:pt x="5001" y="2925"/>
                    <a:pt x="4237" y="6412"/>
                    <a:pt x="4237" y="8888"/>
                  </a:cubicBezTo>
                  <a:lnTo>
                    <a:pt x="4237" y="9281"/>
                  </a:lnTo>
                  <a:lnTo>
                    <a:pt x="17363" y="9281"/>
                  </a:lnTo>
                  <a:lnTo>
                    <a:pt x="17363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2" name="Shape 97">
              <a:extLst>
                <a:ext uri="{FF2B5EF4-FFF2-40B4-BE49-F238E27FC236}">
                  <a16:creationId xmlns:a16="http://schemas.microsoft.com/office/drawing/2014/main" id="{82EA14D9-F94D-924E-A62C-4EDBD23C15D1}"/>
                </a:ext>
              </a:extLst>
            </p:cNvPr>
            <p:cNvSpPr/>
            <p:nvPr/>
          </p:nvSpPr>
          <p:spPr>
            <a:xfrm>
              <a:off x="484991" y="-1"/>
              <a:ext cx="38041" cy="38041"/>
            </a:xfrm>
            <a:prstGeom prst="ellipse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3" name="Shape 98">
              <a:extLst>
                <a:ext uri="{FF2B5EF4-FFF2-40B4-BE49-F238E27FC236}">
                  <a16:creationId xmlns:a16="http://schemas.microsoft.com/office/drawing/2014/main" id="{D10B9811-469B-104F-BA68-D1FAD96E0FB3}"/>
                </a:ext>
              </a:extLst>
            </p:cNvPr>
            <p:cNvSpPr/>
            <p:nvPr/>
          </p:nvSpPr>
          <p:spPr>
            <a:xfrm>
              <a:off x="462168" y="102704"/>
              <a:ext cx="83687" cy="83687"/>
            </a:xfrm>
            <a:prstGeom prst="ellipse">
              <a:avLst/>
            </a:prstGeom>
            <a:solidFill>
              <a:srgbClr val="CDD64B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4" name="Shape 99">
              <a:extLst>
                <a:ext uri="{FF2B5EF4-FFF2-40B4-BE49-F238E27FC236}">
                  <a16:creationId xmlns:a16="http://schemas.microsoft.com/office/drawing/2014/main" id="{37E77521-A879-A042-9B52-110AC5158F3A}"/>
                </a:ext>
              </a:extLst>
            </p:cNvPr>
            <p:cNvSpPr/>
            <p:nvPr/>
          </p:nvSpPr>
          <p:spPr>
            <a:xfrm>
              <a:off x="477383" y="241544"/>
              <a:ext cx="53257" cy="5706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5" name="Shape 100">
              <a:extLst>
                <a:ext uri="{FF2B5EF4-FFF2-40B4-BE49-F238E27FC236}">
                  <a16:creationId xmlns:a16="http://schemas.microsoft.com/office/drawing/2014/main" id="{30E24E0B-DF01-4143-B4F6-3FDEE8E7F6A6}"/>
                </a:ext>
              </a:extLst>
            </p:cNvPr>
            <p:cNvSpPr/>
            <p:nvPr/>
          </p:nvSpPr>
          <p:spPr>
            <a:xfrm>
              <a:off x="302406" y="228231"/>
              <a:ext cx="81785" cy="83687"/>
            </a:xfrm>
            <a:prstGeom prst="ellipse">
              <a:avLst/>
            </a:prstGeom>
            <a:solidFill>
              <a:srgbClr val="CDD64B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6" name="Shape 101">
              <a:extLst>
                <a:ext uri="{FF2B5EF4-FFF2-40B4-BE49-F238E27FC236}">
                  <a16:creationId xmlns:a16="http://schemas.microsoft.com/office/drawing/2014/main" id="{1F026852-9FA6-574C-BD8D-AB7EF30323C7}"/>
                </a:ext>
              </a:extLst>
            </p:cNvPr>
            <p:cNvSpPr/>
            <p:nvPr/>
          </p:nvSpPr>
          <p:spPr>
            <a:xfrm>
              <a:off x="304308" y="357562"/>
              <a:ext cx="76079" cy="76079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7" name="Shape 102">
              <a:extLst>
                <a:ext uri="{FF2B5EF4-FFF2-40B4-BE49-F238E27FC236}">
                  <a16:creationId xmlns:a16="http://schemas.microsoft.com/office/drawing/2014/main" id="{1E7134A3-C8B3-624A-82AE-5CA5B434D0EC}"/>
                </a:ext>
              </a:extLst>
            </p:cNvPr>
            <p:cNvSpPr/>
            <p:nvPr/>
          </p:nvSpPr>
          <p:spPr>
            <a:xfrm>
              <a:off x="142644" y="483090"/>
              <a:ext cx="76079" cy="76079"/>
            </a:xfrm>
            <a:prstGeom prst="ellipse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8" name="Shape 103">
              <a:extLst>
                <a:ext uri="{FF2B5EF4-FFF2-40B4-BE49-F238E27FC236}">
                  <a16:creationId xmlns:a16="http://schemas.microsoft.com/office/drawing/2014/main" id="{9C11AFCA-C81E-F341-914D-72EF88FBC1ED}"/>
                </a:ext>
              </a:extLst>
            </p:cNvPr>
            <p:cNvSpPr/>
            <p:nvPr/>
          </p:nvSpPr>
          <p:spPr>
            <a:xfrm>
              <a:off x="154056" y="368973"/>
              <a:ext cx="53255" cy="53257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9" name="Shape 104">
              <a:extLst>
                <a:ext uri="{FF2B5EF4-FFF2-40B4-BE49-F238E27FC236}">
                  <a16:creationId xmlns:a16="http://schemas.microsoft.com/office/drawing/2014/main" id="{9FD0DA51-C112-0C47-B98B-FF1315FB0F61}"/>
                </a:ext>
              </a:extLst>
            </p:cNvPr>
            <p:cNvSpPr/>
            <p:nvPr/>
          </p:nvSpPr>
          <p:spPr>
            <a:xfrm>
              <a:off x="148350" y="237740"/>
              <a:ext cx="64667" cy="66569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00" name="Shape 105">
              <a:extLst>
                <a:ext uri="{FF2B5EF4-FFF2-40B4-BE49-F238E27FC236}">
                  <a16:creationId xmlns:a16="http://schemas.microsoft.com/office/drawing/2014/main" id="{017DDA7B-C630-3644-BA25-CD8DA9FFD807}"/>
                </a:ext>
              </a:extLst>
            </p:cNvPr>
            <p:cNvSpPr/>
            <p:nvPr/>
          </p:nvSpPr>
          <p:spPr>
            <a:xfrm>
              <a:off x="646654" y="125527"/>
              <a:ext cx="38041" cy="38041"/>
            </a:xfrm>
            <a:prstGeom prst="ellipse">
              <a:avLst/>
            </a:prstGeom>
            <a:solidFill>
              <a:srgbClr val="C6168C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01" name="Shape 106">
              <a:extLst>
                <a:ext uri="{FF2B5EF4-FFF2-40B4-BE49-F238E27FC236}">
                  <a16:creationId xmlns:a16="http://schemas.microsoft.com/office/drawing/2014/main" id="{0C2934F9-6AEE-8A48-8C07-626047027325}"/>
                </a:ext>
              </a:extLst>
            </p:cNvPr>
            <p:cNvSpPr/>
            <p:nvPr/>
          </p:nvSpPr>
          <p:spPr>
            <a:xfrm>
              <a:off x="484991" y="376582"/>
              <a:ext cx="38041" cy="3804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02" name="Shape 107">
              <a:extLst>
                <a:ext uri="{FF2B5EF4-FFF2-40B4-BE49-F238E27FC236}">
                  <a16:creationId xmlns:a16="http://schemas.microsoft.com/office/drawing/2014/main" id="{7D5385B0-83F6-4846-87A4-1C8EB642EE10}"/>
                </a:ext>
              </a:extLst>
            </p:cNvPr>
            <p:cNvSpPr/>
            <p:nvPr/>
          </p:nvSpPr>
          <p:spPr>
            <a:xfrm>
              <a:off x="-1" y="376582"/>
              <a:ext cx="38041" cy="3804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</p:grpSp>
      <p:pic>
        <p:nvPicPr>
          <p:cNvPr id="103" name="image3.png">
            <a:extLst>
              <a:ext uri="{FF2B5EF4-FFF2-40B4-BE49-F238E27FC236}">
                <a16:creationId xmlns:a16="http://schemas.microsoft.com/office/drawing/2014/main" id="{43076A0A-4467-4C4F-9EFF-E14D2EFE976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/>
          </a:blip>
          <a:srcRect l="5251" t="10853" r="24666" b="21234"/>
          <a:stretch>
            <a:fillRect/>
          </a:stretch>
        </p:blipFill>
        <p:spPr>
          <a:xfrm>
            <a:off x="5100704" y="8871719"/>
            <a:ext cx="3108199" cy="752991"/>
          </a:xfrm>
          <a:prstGeom prst="rect">
            <a:avLst/>
          </a:prstGeom>
          <a:ln w="12700">
            <a:miter lim="400000"/>
          </a:ln>
        </p:spPr>
      </p:pic>
      <p:pic>
        <p:nvPicPr>
          <p:cNvPr id="104" name="image4.png">
            <a:extLst>
              <a:ext uri="{FF2B5EF4-FFF2-40B4-BE49-F238E27FC236}">
                <a16:creationId xmlns:a16="http://schemas.microsoft.com/office/drawing/2014/main" id="{3D53C396-BDEB-7647-830B-C8F4BA63AD8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/>
          </a:blip>
          <a:srcRect t="12587" r="7960" b="20519"/>
          <a:stretch>
            <a:fillRect/>
          </a:stretch>
        </p:blipFill>
        <p:spPr>
          <a:xfrm>
            <a:off x="458011" y="8871718"/>
            <a:ext cx="4144524" cy="753049"/>
          </a:xfrm>
          <a:prstGeom prst="rect">
            <a:avLst/>
          </a:prstGeom>
          <a:ln w="12700">
            <a:miter lim="400000"/>
          </a:ln>
        </p:spPr>
      </p:pic>
      <p:grpSp>
        <p:nvGrpSpPr>
          <p:cNvPr id="105" name="Group 108">
            <a:extLst>
              <a:ext uri="{FF2B5EF4-FFF2-40B4-BE49-F238E27FC236}">
                <a16:creationId xmlns:a16="http://schemas.microsoft.com/office/drawing/2014/main" id="{52B1B405-3AAB-7843-B02B-AAED824ABCC7}"/>
              </a:ext>
            </a:extLst>
          </p:cNvPr>
          <p:cNvGrpSpPr/>
          <p:nvPr/>
        </p:nvGrpSpPr>
        <p:grpSpPr>
          <a:xfrm>
            <a:off x="8859688" y="9023973"/>
            <a:ext cx="4144300" cy="753166"/>
            <a:chOff x="0" y="0"/>
            <a:chExt cx="4144298" cy="753165"/>
          </a:xfrm>
        </p:grpSpPr>
        <p:sp>
          <p:nvSpPr>
            <p:cNvPr id="106" name="Shape 62">
              <a:extLst>
                <a:ext uri="{FF2B5EF4-FFF2-40B4-BE49-F238E27FC236}">
                  <a16:creationId xmlns:a16="http://schemas.microsoft.com/office/drawing/2014/main" id="{1926B15A-2B0A-F74E-AC31-E32C84D47D98}"/>
                </a:ext>
              </a:extLst>
            </p:cNvPr>
            <p:cNvSpPr/>
            <p:nvPr/>
          </p:nvSpPr>
          <p:spPr>
            <a:xfrm>
              <a:off x="3471015" y="631440"/>
              <a:ext cx="110313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14" y="21600"/>
                  </a:moveTo>
                  <a:cubicBezTo>
                    <a:pt x="10714" y="21600"/>
                    <a:pt x="9504" y="21600"/>
                    <a:pt x="9504" y="21600"/>
                  </a:cubicBezTo>
                  <a:cubicBezTo>
                    <a:pt x="397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74" y="0"/>
                    <a:pt x="9504" y="0"/>
                  </a:cubicBezTo>
                  <a:cubicBezTo>
                    <a:pt x="9504" y="0"/>
                    <a:pt x="10714" y="0"/>
                    <a:pt x="10714" y="0"/>
                  </a:cubicBezTo>
                  <a:lnTo>
                    <a:pt x="11923" y="0"/>
                  </a:lnTo>
                  <a:cubicBezTo>
                    <a:pt x="17539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39" y="21520"/>
                    <a:pt x="11923" y="21600"/>
                  </a:cubicBezTo>
                  <a:cubicBezTo>
                    <a:pt x="11923" y="21600"/>
                    <a:pt x="10800" y="21600"/>
                    <a:pt x="10714" y="21600"/>
                  </a:cubicBezTo>
                  <a:close/>
                  <a:moveTo>
                    <a:pt x="18749" y="8927"/>
                  </a:moveTo>
                  <a:cubicBezTo>
                    <a:pt x="18749" y="3906"/>
                    <a:pt x="15379" y="2311"/>
                    <a:pt x="11923" y="2311"/>
                  </a:cubicBezTo>
                  <a:cubicBezTo>
                    <a:pt x="11923" y="2311"/>
                    <a:pt x="10800" y="2311"/>
                    <a:pt x="10714" y="2311"/>
                  </a:cubicBezTo>
                  <a:cubicBezTo>
                    <a:pt x="10714" y="2311"/>
                    <a:pt x="9504" y="2311"/>
                    <a:pt x="9504" y="2311"/>
                  </a:cubicBezTo>
                  <a:cubicBezTo>
                    <a:pt x="6134" y="2311"/>
                    <a:pt x="2851" y="3906"/>
                    <a:pt x="2851" y="8927"/>
                  </a:cubicBezTo>
                  <a:lnTo>
                    <a:pt x="2851" y="12593"/>
                  </a:lnTo>
                  <a:cubicBezTo>
                    <a:pt x="2851" y="17615"/>
                    <a:pt x="6134" y="19209"/>
                    <a:pt x="9504" y="19289"/>
                  </a:cubicBezTo>
                  <a:cubicBezTo>
                    <a:pt x="9504" y="19289"/>
                    <a:pt x="10714" y="19289"/>
                    <a:pt x="10714" y="19289"/>
                  </a:cubicBezTo>
                  <a:cubicBezTo>
                    <a:pt x="10800" y="19289"/>
                    <a:pt x="11923" y="19289"/>
                    <a:pt x="11923" y="19289"/>
                  </a:cubicBezTo>
                  <a:cubicBezTo>
                    <a:pt x="15379" y="19209"/>
                    <a:pt x="18749" y="17615"/>
                    <a:pt x="18749" y="12593"/>
                  </a:cubicBezTo>
                  <a:lnTo>
                    <a:pt x="18749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07" name="Shape 63">
              <a:extLst>
                <a:ext uri="{FF2B5EF4-FFF2-40B4-BE49-F238E27FC236}">
                  <a16:creationId xmlns:a16="http://schemas.microsoft.com/office/drawing/2014/main" id="{D696F1B4-DC1D-0D4D-AC3E-D6C78D1BBF93}"/>
                </a:ext>
              </a:extLst>
            </p:cNvPr>
            <p:cNvSpPr/>
            <p:nvPr/>
          </p:nvSpPr>
          <p:spPr>
            <a:xfrm>
              <a:off x="3893242" y="631440"/>
              <a:ext cx="108412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57" y="21600"/>
                  </a:moveTo>
                  <a:cubicBezTo>
                    <a:pt x="10670" y="21600"/>
                    <a:pt x="9542" y="21600"/>
                    <a:pt x="9455" y="21600"/>
                  </a:cubicBezTo>
                  <a:cubicBezTo>
                    <a:pt x="390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04" y="0"/>
                    <a:pt x="9455" y="0"/>
                  </a:cubicBezTo>
                  <a:cubicBezTo>
                    <a:pt x="9542" y="0"/>
                    <a:pt x="10670" y="0"/>
                    <a:pt x="10757" y="0"/>
                  </a:cubicBezTo>
                  <a:lnTo>
                    <a:pt x="11971" y="0"/>
                  </a:lnTo>
                  <a:cubicBezTo>
                    <a:pt x="17523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23" y="21520"/>
                    <a:pt x="11971" y="21600"/>
                  </a:cubicBezTo>
                  <a:cubicBezTo>
                    <a:pt x="11884" y="21600"/>
                    <a:pt x="10757" y="21600"/>
                    <a:pt x="10757" y="21600"/>
                  </a:cubicBezTo>
                  <a:close/>
                  <a:moveTo>
                    <a:pt x="18737" y="8927"/>
                  </a:moveTo>
                  <a:cubicBezTo>
                    <a:pt x="18737" y="3906"/>
                    <a:pt x="15354" y="2311"/>
                    <a:pt x="11971" y="2311"/>
                  </a:cubicBezTo>
                  <a:cubicBezTo>
                    <a:pt x="11884" y="2311"/>
                    <a:pt x="10757" y="2311"/>
                    <a:pt x="10757" y="2311"/>
                  </a:cubicBezTo>
                  <a:cubicBezTo>
                    <a:pt x="10670" y="2311"/>
                    <a:pt x="9542" y="2311"/>
                    <a:pt x="9455" y="2311"/>
                  </a:cubicBezTo>
                  <a:cubicBezTo>
                    <a:pt x="6072" y="2311"/>
                    <a:pt x="2863" y="3906"/>
                    <a:pt x="2863" y="8927"/>
                  </a:cubicBezTo>
                  <a:lnTo>
                    <a:pt x="2863" y="12593"/>
                  </a:lnTo>
                  <a:cubicBezTo>
                    <a:pt x="2863" y="17615"/>
                    <a:pt x="6072" y="19209"/>
                    <a:pt x="9455" y="19289"/>
                  </a:cubicBezTo>
                  <a:cubicBezTo>
                    <a:pt x="9542" y="19289"/>
                    <a:pt x="10670" y="19289"/>
                    <a:pt x="10757" y="19289"/>
                  </a:cubicBezTo>
                  <a:cubicBezTo>
                    <a:pt x="10757" y="19289"/>
                    <a:pt x="11884" y="19289"/>
                    <a:pt x="11971" y="19289"/>
                  </a:cubicBezTo>
                  <a:cubicBezTo>
                    <a:pt x="15354" y="19209"/>
                    <a:pt x="18737" y="17615"/>
                    <a:pt x="18737" y="12593"/>
                  </a:cubicBezTo>
                  <a:lnTo>
                    <a:pt x="18737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08" name="Shape 64">
              <a:extLst>
                <a:ext uri="{FF2B5EF4-FFF2-40B4-BE49-F238E27FC236}">
                  <a16:creationId xmlns:a16="http://schemas.microsoft.com/office/drawing/2014/main" id="{1AB99D47-D51D-9B40-8F40-D72E40101A26}"/>
                </a:ext>
              </a:extLst>
            </p:cNvPr>
            <p:cNvSpPr/>
            <p:nvPr/>
          </p:nvSpPr>
          <p:spPr>
            <a:xfrm>
              <a:off x="3170511" y="631440"/>
              <a:ext cx="108411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14" y="21600"/>
                  </a:moveTo>
                  <a:cubicBezTo>
                    <a:pt x="10714" y="21600"/>
                    <a:pt x="9504" y="21600"/>
                    <a:pt x="9504" y="21600"/>
                  </a:cubicBezTo>
                  <a:cubicBezTo>
                    <a:pt x="397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74" y="0"/>
                    <a:pt x="9504" y="0"/>
                  </a:cubicBezTo>
                  <a:cubicBezTo>
                    <a:pt x="9504" y="0"/>
                    <a:pt x="10714" y="0"/>
                    <a:pt x="10714" y="0"/>
                  </a:cubicBezTo>
                  <a:lnTo>
                    <a:pt x="11923" y="0"/>
                  </a:lnTo>
                  <a:cubicBezTo>
                    <a:pt x="17539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39" y="21520"/>
                    <a:pt x="11923" y="21600"/>
                  </a:cubicBezTo>
                  <a:cubicBezTo>
                    <a:pt x="11923" y="21600"/>
                    <a:pt x="10800" y="21600"/>
                    <a:pt x="10714" y="21600"/>
                  </a:cubicBezTo>
                  <a:close/>
                  <a:moveTo>
                    <a:pt x="18749" y="8927"/>
                  </a:moveTo>
                  <a:cubicBezTo>
                    <a:pt x="18749" y="3906"/>
                    <a:pt x="15379" y="2311"/>
                    <a:pt x="11923" y="2311"/>
                  </a:cubicBezTo>
                  <a:cubicBezTo>
                    <a:pt x="11923" y="2311"/>
                    <a:pt x="10800" y="2311"/>
                    <a:pt x="10714" y="2311"/>
                  </a:cubicBezTo>
                  <a:cubicBezTo>
                    <a:pt x="10714" y="2311"/>
                    <a:pt x="9504" y="2311"/>
                    <a:pt x="9504" y="2311"/>
                  </a:cubicBezTo>
                  <a:cubicBezTo>
                    <a:pt x="6134" y="2311"/>
                    <a:pt x="2851" y="3906"/>
                    <a:pt x="2851" y="8927"/>
                  </a:cubicBezTo>
                  <a:lnTo>
                    <a:pt x="2851" y="12593"/>
                  </a:lnTo>
                  <a:cubicBezTo>
                    <a:pt x="2851" y="17615"/>
                    <a:pt x="6134" y="19209"/>
                    <a:pt x="9504" y="19289"/>
                  </a:cubicBezTo>
                  <a:cubicBezTo>
                    <a:pt x="9590" y="19289"/>
                    <a:pt x="10714" y="19289"/>
                    <a:pt x="10714" y="19289"/>
                  </a:cubicBezTo>
                  <a:cubicBezTo>
                    <a:pt x="10800" y="19289"/>
                    <a:pt x="11923" y="19289"/>
                    <a:pt x="11923" y="19289"/>
                  </a:cubicBezTo>
                  <a:cubicBezTo>
                    <a:pt x="15379" y="19209"/>
                    <a:pt x="18749" y="17615"/>
                    <a:pt x="18749" y="12593"/>
                  </a:cubicBezTo>
                  <a:lnTo>
                    <a:pt x="18749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09" name="Shape 65">
              <a:extLst>
                <a:ext uri="{FF2B5EF4-FFF2-40B4-BE49-F238E27FC236}">
                  <a16:creationId xmlns:a16="http://schemas.microsoft.com/office/drawing/2014/main" id="{A10F65AA-554B-A245-92A2-7268D1BE79E7}"/>
                </a:ext>
              </a:extLst>
            </p:cNvPr>
            <p:cNvSpPr/>
            <p:nvPr/>
          </p:nvSpPr>
          <p:spPr>
            <a:xfrm>
              <a:off x="2634168" y="633342"/>
              <a:ext cx="9700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3114" y="13191"/>
                  </a:moveTo>
                  <a:lnTo>
                    <a:pt x="3114" y="21600"/>
                  </a:lnTo>
                  <a:lnTo>
                    <a:pt x="0" y="21600"/>
                  </a:lnTo>
                  <a:lnTo>
                    <a:pt x="0" y="0"/>
                  </a:lnTo>
                  <a:cubicBezTo>
                    <a:pt x="1654" y="0"/>
                    <a:pt x="8270" y="0"/>
                    <a:pt x="9827" y="0"/>
                  </a:cubicBezTo>
                  <a:cubicBezTo>
                    <a:pt x="16249" y="0"/>
                    <a:pt x="21503" y="247"/>
                    <a:pt x="21600" y="6760"/>
                  </a:cubicBezTo>
                  <a:cubicBezTo>
                    <a:pt x="21600" y="13108"/>
                    <a:pt x="15470" y="13191"/>
                    <a:pt x="8270" y="13191"/>
                  </a:cubicBezTo>
                  <a:lnTo>
                    <a:pt x="3114" y="13191"/>
                  </a:lnTo>
                  <a:close/>
                  <a:moveTo>
                    <a:pt x="9827" y="2391"/>
                  </a:moveTo>
                  <a:lnTo>
                    <a:pt x="3114" y="2391"/>
                  </a:lnTo>
                  <a:lnTo>
                    <a:pt x="3114" y="10800"/>
                  </a:lnTo>
                  <a:lnTo>
                    <a:pt x="9146" y="10800"/>
                  </a:lnTo>
                  <a:cubicBezTo>
                    <a:pt x="15276" y="10800"/>
                    <a:pt x="18389" y="10718"/>
                    <a:pt x="18389" y="6760"/>
                  </a:cubicBezTo>
                  <a:cubicBezTo>
                    <a:pt x="18389" y="2473"/>
                    <a:pt x="15470" y="2391"/>
                    <a:pt x="9827" y="2391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0" name="Shape 66">
              <a:extLst>
                <a:ext uri="{FF2B5EF4-FFF2-40B4-BE49-F238E27FC236}">
                  <a16:creationId xmlns:a16="http://schemas.microsoft.com/office/drawing/2014/main" id="{986706F7-4AC4-1746-BE66-43FEBD965A5A}"/>
                </a:ext>
              </a:extLst>
            </p:cNvPr>
            <p:cNvSpPr/>
            <p:nvPr/>
          </p:nvSpPr>
          <p:spPr>
            <a:xfrm>
              <a:off x="2987926" y="633342"/>
              <a:ext cx="10651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0"/>
                  </a:moveTo>
                  <a:lnTo>
                    <a:pt x="21600" y="2391"/>
                  </a:lnTo>
                  <a:lnTo>
                    <a:pt x="12228" y="2391"/>
                  </a:lnTo>
                  <a:lnTo>
                    <a:pt x="12228" y="21600"/>
                  </a:lnTo>
                  <a:lnTo>
                    <a:pt x="9372" y="21600"/>
                  </a:lnTo>
                  <a:lnTo>
                    <a:pt x="9372" y="2391"/>
                  </a:lnTo>
                  <a:lnTo>
                    <a:pt x="0" y="2391"/>
                  </a:lnTo>
                  <a:lnTo>
                    <a:pt x="0" y="0"/>
                  </a:lnTo>
                  <a:lnTo>
                    <a:pt x="21600" y="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1" name="Shape 67">
              <a:extLst>
                <a:ext uri="{FF2B5EF4-FFF2-40B4-BE49-F238E27FC236}">
                  <a16:creationId xmlns:a16="http://schemas.microsoft.com/office/drawing/2014/main" id="{CAF9A35F-849B-C44F-A7C5-9BBC3A98BC66}"/>
                </a:ext>
              </a:extLst>
            </p:cNvPr>
            <p:cNvSpPr/>
            <p:nvPr/>
          </p:nvSpPr>
          <p:spPr>
            <a:xfrm>
              <a:off x="3594640" y="633342"/>
              <a:ext cx="104608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0"/>
                  </a:moveTo>
                  <a:lnTo>
                    <a:pt x="21600" y="2391"/>
                  </a:lnTo>
                  <a:lnTo>
                    <a:pt x="12228" y="2391"/>
                  </a:lnTo>
                  <a:lnTo>
                    <a:pt x="12228" y="21600"/>
                  </a:lnTo>
                  <a:lnTo>
                    <a:pt x="9283" y="21600"/>
                  </a:lnTo>
                  <a:lnTo>
                    <a:pt x="9283" y="2391"/>
                  </a:lnTo>
                  <a:lnTo>
                    <a:pt x="0" y="2391"/>
                  </a:lnTo>
                  <a:lnTo>
                    <a:pt x="0" y="0"/>
                  </a:lnTo>
                  <a:lnTo>
                    <a:pt x="21600" y="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2" name="Shape 68">
              <a:extLst>
                <a:ext uri="{FF2B5EF4-FFF2-40B4-BE49-F238E27FC236}">
                  <a16:creationId xmlns:a16="http://schemas.microsoft.com/office/drawing/2014/main" id="{3174200B-A969-FD49-8636-05E86784057E}"/>
                </a:ext>
              </a:extLst>
            </p:cNvPr>
            <p:cNvSpPr/>
            <p:nvPr/>
          </p:nvSpPr>
          <p:spPr>
            <a:xfrm>
              <a:off x="3732529" y="633342"/>
              <a:ext cx="15218" cy="117921"/>
            </a:xfrm>
            <a:prstGeom prst="rect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3" name="Shape 69">
              <a:extLst>
                <a:ext uri="{FF2B5EF4-FFF2-40B4-BE49-F238E27FC236}">
                  <a16:creationId xmlns:a16="http://schemas.microsoft.com/office/drawing/2014/main" id="{173D6C11-4734-5F4D-A16E-1BCE5037A40D}"/>
                </a:ext>
              </a:extLst>
            </p:cNvPr>
            <p:cNvSpPr/>
            <p:nvPr/>
          </p:nvSpPr>
          <p:spPr>
            <a:xfrm>
              <a:off x="3309351" y="633342"/>
              <a:ext cx="87491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3529" y="2391"/>
                  </a:moveTo>
                  <a:lnTo>
                    <a:pt x="3529" y="9151"/>
                  </a:lnTo>
                  <a:lnTo>
                    <a:pt x="20745" y="9151"/>
                  </a:lnTo>
                  <a:lnTo>
                    <a:pt x="20745" y="11624"/>
                  </a:lnTo>
                  <a:lnTo>
                    <a:pt x="3529" y="11624"/>
                  </a:lnTo>
                  <a:lnTo>
                    <a:pt x="3529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21600" y="0"/>
                  </a:lnTo>
                  <a:lnTo>
                    <a:pt x="21600" y="2391"/>
                  </a:lnTo>
                  <a:lnTo>
                    <a:pt x="3529" y="2391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4" name="Shape 70">
              <a:extLst>
                <a:ext uri="{FF2B5EF4-FFF2-40B4-BE49-F238E27FC236}">
                  <a16:creationId xmlns:a16="http://schemas.microsoft.com/office/drawing/2014/main" id="{631049FB-E001-BA42-9DF5-1DF5A3427033}"/>
                </a:ext>
              </a:extLst>
            </p:cNvPr>
            <p:cNvSpPr/>
            <p:nvPr/>
          </p:nvSpPr>
          <p:spPr>
            <a:xfrm>
              <a:off x="4032083" y="633342"/>
              <a:ext cx="10651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8955" y="18797"/>
                  </a:moveTo>
                  <a:lnTo>
                    <a:pt x="19043" y="18797"/>
                  </a:lnTo>
                  <a:cubicBezTo>
                    <a:pt x="18955" y="17066"/>
                    <a:pt x="18867" y="15334"/>
                    <a:pt x="18867" y="14015"/>
                  </a:cubicBezTo>
                  <a:lnTo>
                    <a:pt x="18867" y="0"/>
                  </a:lnTo>
                  <a:lnTo>
                    <a:pt x="21600" y="0"/>
                  </a:lnTo>
                  <a:lnTo>
                    <a:pt x="21600" y="21600"/>
                  </a:lnTo>
                  <a:lnTo>
                    <a:pt x="17544" y="21600"/>
                  </a:lnTo>
                  <a:lnTo>
                    <a:pt x="2557" y="2473"/>
                  </a:lnTo>
                  <a:cubicBezTo>
                    <a:pt x="2645" y="3875"/>
                    <a:pt x="2645" y="5441"/>
                    <a:pt x="2645" y="6925"/>
                  </a:cubicBezTo>
                  <a:lnTo>
                    <a:pt x="2645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4144" y="0"/>
                  </a:lnTo>
                  <a:lnTo>
                    <a:pt x="18955" y="1879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5" name="Shape 71">
              <a:extLst>
                <a:ext uri="{FF2B5EF4-FFF2-40B4-BE49-F238E27FC236}">
                  <a16:creationId xmlns:a16="http://schemas.microsoft.com/office/drawing/2014/main" id="{695D7415-8130-7846-80CB-18EA0EBAB364}"/>
                </a:ext>
              </a:extLst>
            </p:cNvPr>
            <p:cNvSpPr/>
            <p:nvPr/>
          </p:nvSpPr>
          <p:spPr>
            <a:xfrm>
              <a:off x="2733068" y="633342"/>
              <a:ext cx="121725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800" y="14510"/>
                  </a:moveTo>
                  <a:lnTo>
                    <a:pt x="5246" y="14510"/>
                  </a:lnTo>
                  <a:lnTo>
                    <a:pt x="2469" y="21600"/>
                  </a:lnTo>
                  <a:lnTo>
                    <a:pt x="0" y="21600"/>
                  </a:lnTo>
                  <a:lnTo>
                    <a:pt x="8563" y="0"/>
                  </a:lnTo>
                  <a:lnTo>
                    <a:pt x="13037" y="0"/>
                  </a:lnTo>
                  <a:lnTo>
                    <a:pt x="21600" y="21600"/>
                  </a:lnTo>
                  <a:lnTo>
                    <a:pt x="19054" y="21600"/>
                  </a:lnTo>
                  <a:lnTo>
                    <a:pt x="16354" y="14510"/>
                  </a:lnTo>
                  <a:lnTo>
                    <a:pt x="10800" y="14510"/>
                  </a:lnTo>
                  <a:close/>
                  <a:moveTo>
                    <a:pt x="15429" y="12037"/>
                  </a:moveTo>
                  <a:lnTo>
                    <a:pt x="12806" y="5771"/>
                  </a:lnTo>
                  <a:cubicBezTo>
                    <a:pt x="12343" y="4617"/>
                    <a:pt x="11957" y="3545"/>
                    <a:pt x="11571" y="2226"/>
                  </a:cubicBezTo>
                  <a:lnTo>
                    <a:pt x="9951" y="2226"/>
                  </a:lnTo>
                  <a:cubicBezTo>
                    <a:pt x="9643" y="3545"/>
                    <a:pt x="9257" y="4617"/>
                    <a:pt x="8794" y="5771"/>
                  </a:cubicBezTo>
                  <a:lnTo>
                    <a:pt x="6171" y="12037"/>
                  </a:lnTo>
                  <a:lnTo>
                    <a:pt x="15429" y="1203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6" name="Shape 72">
              <a:extLst>
                <a:ext uri="{FF2B5EF4-FFF2-40B4-BE49-F238E27FC236}">
                  <a16:creationId xmlns:a16="http://schemas.microsoft.com/office/drawing/2014/main" id="{ABF3F672-B653-464C-A1E9-5F951B1FE0C6}"/>
                </a:ext>
              </a:extLst>
            </p:cNvPr>
            <p:cNvSpPr/>
            <p:nvPr/>
          </p:nvSpPr>
          <p:spPr>
            <a:xfrm>
              <a:off x="3784833" y="631440"/>
              <a:ext cx="83687" cy="11982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2712" y="21600"/>
                  </a:moveTo>
                  <a:cubicBezTo>
                    <a:pt x="6862" y="21600"/>
                    <a:pt x="0" y="19846"/>
                    <a:pt x="0" y="12514"/>
                  </a:cubicBezTo>
                  <a:lnTo>
                    <a:pt x="0" y="9086"/>
                  </a:lnTo>
                  <a:cubicBezTo>
                    <a:pt x="0" y="1754"/>
                    <a:pt x="6862" y="0"/>
                    <a:pt x="12712" y="0"/>
                  </a:cubicBezTo>
                  <a:cubicBezTo>
                    <a:pt x="16200" y="0"/>
                    <a:pt x="20025" y="399"/>
                    <a:pt x="21600" y="478"/>
                  </a:cubicBezTo>
                  <a:lnTo>
                    <a:pt x="21600" y="2630"/>
                  </a:lnTo>
                  <a:cubicBezTo>
                    <a:pt x="19237" y="2471"/>
                    <a:pt x="15525" y="2311"/>
                    <a:pt x="12712" y="2311"/>
                  </a:cubicBezTo>
                  <a:cubicBezTo>
                    <a:pt x="7312" y="2311"/>
                    <a:pt x="3600" y="3906"/>
                    <a:pt x="3600" y="9086"/>
                  </a:cubicBezTo>
                  <a:lnTo>
                    <a:pt x="3600" y="12514"/>
                  </a:lnTo>
                  <a:cubicBezTo>
                    <a:pt x="3600" y="17694"/>
                    <a:pt x="7312" y="19289"/>
                    <a:pt x="12712" y="19289"/>
                  </a:cubicBezTo>
                  <a:cubicBezTo>
                    <a:pt x="15525" y="19289"/>
                    <a:pt x="19237" y="19129"/>
                    <a:pt x="21600" y="19049"/>
                  </a:cubicBezTo>
                  <a:lnTo>
                    <a:pt x="21600" y="21122"/>
                  </a:lnTo>
                  <a:cubicBezTo>
                    <a:pt x="20025" y="21281"/>
                    <a:pt x="16200" y="21600"/>
                    <a:pt x="12712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7" name="Shape 73">
              <a:extLst>
                <a:ext uri="{FF2B5EF4-FFF2-40B4-BE49-F238E27FC236}">
                  <a16:creationId xmlns:a16="http://schemas.microsoft.com/office/drawing/2014/main" id="{04800A9B-2E19-BD4E-8B90-A68EB73E22F5}"/>
                </a:ext>
              </a:extLst>
            </p:cNvPr>
            <p:cNvSpPr/>
            <p:nvPr/>
          </p:nvSpPr>
          <p:spPr>
            <a:xfrm>
              <a:off x="2873810" y="633342"/>
              <a:ext cx="102706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21600"/>
                  </a:moveTo>
                  <a:lnTo>
                    <a:pt x="15559" y="12614"/>
                  </a:lnTo>
                  <a:cubicBezTo>
                    <a:pt x="18488" y="11954"/>
                    <a:pt x="20319" y="10388"/>
                    <a:pt x="20319" y="6760"/>
                  </a:cubicBezTo>
                  <a:cubicBezTo>
                    <a:pt x="20319" y="247"/>
                    <a:pt x="15285" y="0"/>
                    <a:pt x="9244" y="0"/>
                  </a:cubicBezTo>
                  <a:cubicBezTo>
                    <a:pt x="7780" y="0"/>
                    <a:pt x="1556" y="0"/>
                    <a:pt x="0" y="0"/>
                  </a:cubicBezTo>
                  <a:lnTo>
                    <a:pt x="0" y="21600"/>
                  </a:lnTo>
                  <a:lnTo>
                    <a:pt x="2929" y="21600"/>
                  </a:lnTo>
                  <a:lnTo>
                    <a:pt x="2929" y="13191"/>
                  </a:lnTo>
                  <a:lnTo>
                    <a:pt x="7780" y="13191"/>
                  </a:lnTo>
                  <a:cubicBezTo>
                    <a:pt x="9519" y="13191"/>
                    <a:pt x="11166" y="13191"/>
                    <a:pt x="12631" y="13108"/>
                  </a:cubicBezTo>
                  <a:lnTo>
                    <a:pt x="18305" y="21600"/>
                  </a:lnTo>
                  <a:lnTo>
                    <a:pt x="21600" y="21600"/>
                  </a:lnTo>
                  <a:close/>
                  <a:moveTo>
                    <a:pt x="2929" y="10800"/>
                  </a:moveTo>
                  <a:lnTo>
                    <a:pt x="2929" y="2391"/>
                  </a:lnTo>
                  <a:lnTo>
                    <a:pt x="9244" y="2391"/>
                  </a:lnTo>
                  <a:cubicBezTo>
                    <a:pt x="14553" y="2391"/>
                    <a:pt x="17298" y="2473"/>
                    <a:pt x="17298" y="6760"/>
                  </a:cubicBezTo>
                  <a:cubicBezTo>
                    <a:pt x="17298" y="10718"/>
                    <a:pt x="14369" y="10800"/>
                    <a:pt x="8603" y="10800"/>
                  </a:cubicBezTo>
                  <a:lnTo>
                    <a:pt x="2929" y="108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8" name="Shape 74">
              <a:extLst>
                <a:ext uri="{FF2B5EF4-FFF2-40B4-BE49-F238E27FC236}">
                  <a16:creationId xmlns:a16="http://schemas.microsoft.com/office/drawing/2014/main" id="{25DC6E77-A979-2341-893F-2CFA41617596}"/>
                </a:ext>
              </a:extLst>
            </p:cNvPr>
            <p:cNvSpPr/>
            <p:nvPr/>
          </p:nvSpPr>
          <p:spPr>
            <a:xfrm>
              <a:off x="684693" y="325229"/>
              <a:ext cx="136941" cy="21872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21600"/>
                  </a:moveTo>
                  <a:lnTo>
                    <a:pt x="0" y="0"/>
                  </a:lnTo>
                  <a:lnTo>
                    <a:pt x="21600" y="0"/>
                  </a:lnTo>
                  <a:lnTo>
                    <a:pt x="21600" y="3330"/>
                  </a:lnTo>
                  <a:lnTo>
                    <a:pt x="6349" y="3330"/>
                  </a:lnTo>
                  <a:lnTo>
                    <a:pt x="6349" y="8850"/>
                  </a:lnTo>
                  <a:lnTo>
                    <a:pt x="20634" y="8850"/>
                  </a:lnTo>
                  <a:lnTo>
                    <a:pt x="20634" y="12092"/>
                  </a:lnTo>
                  <a:lnTo>
                    <a:pt x="6349" y="12092"/>
                  </a:lnTo>
                  <a:lnTo>
                    <a:pt x="6349" y="18226"/>
                  </a:lnTo>
                  <a:lnTo>
                    <a:pt x="21600" y="18226"/>
                  </a:lnTo>
                  <a:lnTo>
                    <a:pt x="21600" y="21600"/>
                  </a:lnTo>
                  <a:lnTo>
                    <a:pt x="0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9" name="Shape 75">
              <a:extLst>
                <a:ext uri="{FF2B5EF4-FFF2-40B4-BE49-F238E27FC236}">
                  <a16:creationId xmlns:a16="http://schemas.microsoft.com/office/drawing/2014/main" id="{C97C8A41-298A-6B44-8C99-6187B350CC1B}"/>
                </a:ext>
              </a:extLst>
            </p:cNvPr>
            <p:cNvSpPr/>
            <p:nvPr/>
          </p:nvSpPr>
          <p:spPr>
            <a:xfrm>
              <a:off x="859670" y="374679"/>
              <a:ext cx="91295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8949" y="5809"/>
                  </a:moveTo>
                  <a:lnTo>
                    <a:pt x="8949" y="21600"/>
                  </a:lnTo>
                  <a:lnTo>
                    <a:pt x="0" y="21600"/>
                  </a:lnTo>
                  <a:lnTo>
                    <a:pt x="0" y="508"/>
                  </a:lnTo>
                  <a:lnTo>
                    <a:pt x="8537" y="508"/>
                  </a:lnTo>
                  <a:lnTo>
                    <a:pt x="8537" y="2199"/>
                  </a:lnTo>
                  <a:cubicBezTo>
                    <a:pt x="12137" y="451"/>
                    <a:pt x="16869" y="0"/>
                    <a:pt x="21600" y="0"/>
                  </a:cubicBezTo>
                  <a:lnTo>
                    <a:pt x="21600" y="4512"/>
                  </a:lnTo>
                  <a:cubicBezTo>
                    <a:pt x="16971" y="4512"/>
                    <a:pt x="11829" y="5019"/>
                    <a:pt x="8949" y="5809"/>
                  </a:cubicBez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0" name="Shape 76">
              <a:extLst>
                <a:ext uri="{FF2B5EF4-FFF2-40B4-BE49-F238E27FC236}">
                  <a16:creationId xmlns:a16="http://schemas.microsoft.com/office/drawing/2014/main" id="{89B0758C-D9D9-5F43-B80C-6CEA16BF5C07}"/>
                </a:ext>
              </a:extLst>
            </p:cNvPr>
            <p:cNvSpPr/>
            <p:nvPr/>
          </p:nvSpPr>
          <p:spPr>
            <a:xfrm>
              <a:off x="977590" y="315719"/>
              <a:ext cx="39942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21600" y="0"/>
                  </a:lnTo>
                  <a:lnTo>
                    <a:pt x="21600" y="3516"/>
                  </a:lnTo>
                  <a:lnTo>
                    <a:pt x="0" y="3516"/>
                  </a:lnTo>
                  <a:lnTo>
                    <a:pt x="0" y="0"/>
                  </a:lnTo>
                  <a:close/>
                  <a:moveTo>
                    <a:pt x="240" y="5944"/>
                  </a:moveTo>
                  <a:lnTo>
                    <a:pt x="21360" y="5944"/>
                  </a:lnTo>
                  <a:lnTo>
                    <a:pt x="21360" y="21600"/>
                  </a:lnTo>
                  <a:lnTo>
                    <a:pt x="240" y="21600"/>
                  </a:lnTo>
                  <a:lnTo>
                    <a:pt x="240" y="5944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1" name="Shape 77">
              <a:extLst>
                <a:ext uri="{FF2B5EF4-FFF2-40B4-BE49-F238E27FC236}">
                  <a16:creationId xmlns:a16="http://schemas.microsoft.com/office/drawing/2014/main" id="{4D01C185-20CC-7A4C-800C-85B0A487ED62}"/>
                </a:ext>
              </a:extLst>
            </p:cNvPr>
            <p:cNvSpPr/>
            <p:nvPr/>
          </p:nvSpPr>
          <p:spPr>
            <a:xfrm>
              <a:off x="1061274" y="315719"/>
              <a:ext cx="140745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4600" y="21600"/>
                  </a:moveTo>
                  <a:lnTo>
                    <a:pt x="5800" y="14149"/>
                  </a:lnTo>
                  <a:lnTo>
                    <a:pt x="5800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5800" y="0"/>
                  </a:lnTo>
                  <a:lnTo>
                    <a:pt x="5800" y="12935"/>
                  </a:lnTo>
                  <a:lnTo>
                    <a:pt x="14600" y="5944"/>
                  </a:lnTo>
                  <a:lnTo>
                    <a:pt x="21333" y="5944"/>
                  </a:lnTo>
                  <a:lnTo>
                    <a:pt x="11667" y="13437"/>
                  </a:lnTo>
                  <a:lnTo>
                    <a:pt x="21600" y="21600"/>
                  </a:lnTo>
                  <a:lnTo>
                    <a:pt x="14600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2" name="Shape 78">
              <a:extLst>
                <a:ext uri="{FF2B5EF4-FFF2-40B4-BE49-F238E27FC236}">
                  <a16:creationId xmlns:a16="http://schemas.microsoft.com/office/drawing/2014/main" id="{0E50D73B-28A2-3843-B51A-2C81A48333C7}"/>
                </a:ext>
              </a:extLst>
            </p:cNvPr>
            <p:cNvSpPr/>
            <p:nvPr/>
          </p:nvSpPr>
          <p:spPr>
            <a:xfrm>
              <a:off x="1217232" y="374680"/>
              <a:ext cx="123628" cy="173077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115" y="21600"/>
                  </a:moveTo>
                  <a:cubicBezTo>
                    <a:pt x="6161" y="21600"/>
                    <a:pt x="1673" y="21104"/>
                    <a:pt x="380" y="20773"/>
                  </a:cubicBezTo>
                  <a:lnTo>
                    <a:pt x="380" y="17357"/>
                  </a:lnTo>
                  <a:cubicBezTo>
                    <a:pt x="1825" y="17412"/>
                    <a:pt x="6161" y="17853"/>
                    <a:pt x="9811" y="17853"/>
                  </a:cubicBezTo>
                  <a:cubicBezTo>
                    <a:pt x="13918" y="17853"/>
                    <a:pt x="15059" y="17137"/>
                    <a:pt x="15059" y="15649"/>
                  </a:cubicBezTo>
                  <a:cubicBezTo>
                    <a:pt x="15059" y="14216"/>
                    <a:pt x="14146" y="13886"/>
                    <a:pt x="9963" y="12673"/>
                  </a:cubicBezTo>
                  <a:lnTo>
                    <a:pt x="7834" y="12067"/>
                  </a:lnTo>
                  <a:cubicBezTo>
                    <a:pt x="2434" y="10524"/>
                    <a:pt x="0" y="8761"/>
                    <a:pt x="0" y="5565"/>
                  </a:cubicBezTo>
                  <a:cubicBezTo>
                    <a:pt x="0" y="1433"/>
                    <a:pt x="3803" y="0"/>
                    <a:pt x="11332" y="0"/>
                  </a:cubicBezTo>
                  <a:cubicBezTo>
                    <a:pt x="14603" y="0"/>
                    <a:pt x="18786" y="441"/>
                    <a:pt x="20231" y="771"/>
                  </a:cubicBezTo>
                  <a:lnTo>
                    <a:pt x="20231" y="4133"/>
                  </a:lnTo>
                  <a:cubicBezTo>
                    <a:pt x="17037" y="3912"/>
                    <a:pt x="13918" y="3802"/>
                    <a:pt x="11408" y="3802"/>
                  </a:cubicBezTo>
                  <a:cubicBezTo>
                    <a:pt x="7986" y="3802"/>
                    <a:pt x="6541" y="4022"/>
                    <a:pt x="6541" y="5455"/>
                  </a:cubicBezTo>
                  <a:cubicBezTo>
                    <a:pt x="6541" y="6778"/>
                    <a:pt x="7530" y="7163"/>
                    <a:pt x="11028" y="8155"/>
                  </a:cubicBezTo>
                  <a:lnTo>
                    <a:pt x="13310" y="8816"/>
                  </a:lnTo>
                  <a:cubicBezTo>
                    <a:pt x="19394" y="10580"/>
                    <a:pt x="21524" y="11957"/>
                    <a:pt x="21600" y="15373"/>
                  </a:cubicBezTo>
                  <a:cubicBezTo>
                    <a:pt x="21600" y="19231"/>
                    <a:pt x="18025" y="21600"/>
                    <a:pt x="10115" y="21600"/>
                  </a:cubicBez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3" name="Shape 79">
              <a:extLst>
                <a:ext uri="{FF2B5EF4-FFF2-40B4-BE49-F238E27FC236}">
                  <a16:creationId xmlns:a16="http://schemas.microsoft.com/office/drawing/2014/main" id="{FFC2565D-7629-3946-8313-E38794C70679}"/>
                </a:ext>
              </a:extLst>
            </p:cNvPr>
            <p:cNvSpPr/>
            <p:nvPr/>
          </p:nvSpPr>
          <p:spPr>
            <a:xfrm>
              <a:off x="1371288" y="315719"/>
              <a:ext cx="142647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5703" y="21600"/>
                  </a:moveTo>
                  <a:lnTo>
                    <a:pt x="15703" y="11721"/>
                  </a:lnTo>
                  <a:cubicBezTo>
                    <a:pt x="15703" y="9293"/>
                    <a:pt x="14709" y="8623"/>
                    <a:pt x="11794" y="8623"/>
                  </a:cubicBezTo>
                  <a:cubicBezTo>
                    <a:pt x="9475" y="8623"/>
                    <a:pt x="7090" y="9126"/>
                    <a:pt x="5764" y="9502"/>
                  </a:cubicBezTo>
                  <a:lnTo>
                    <a:pt x="5764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5764" y="0"/>
                  </a:lnTo>
                  <a:lnTo>
                    <a:pt x="5764" y="6740"/>
                  </a:lnTo>
                  <a:cubicBezTo>
                    <a:pt x="7487" y="6153"/>
                    <a:pt x="10270" y="5567"/>
                    <a:pt x="13450" y="5567"/>
                  </a:cubicBezTo>
                  <a:cubicBezTo>
                    <a:pt x="19546" y="5567"/>
                    <a:pt x="21600" y="7870"/>
                    <a:pt x="21600" y="11679"/>
                  </a:cubicBezTo>
                  <a:lnTo>
                    <a:pt x="21600" y="21600"/>
                  </a:lnTo>
                  <a:lnTo>
                    <a:pt x="15703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4" name="Shape 80">
              <a:extLst>
                <a:ext uri="{FF2B5EF4-FFF2-40B4-BE49-F238E27FC236}">
                  <a16:creationId xmlns:a16="http://schemas.microsoft.com/office/drawing/2014/main" id="{9BF19A15-FF2F-7544-BD97-55752A8AC8E6}"/>
                </a:ext>
              </a:extLst>
            </p:cNvPr>
            <p:cNvSpPr/>
            <p:nvPr/>
          </p:nvSpPr>
          <p:spPr>
            <a:xfrm>
              <a:off x="1542462" y="374680"/>
              <a:ext cx="148352" cy="174979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832" y="21600"/>
                  </a:moveTo>
                  <a:cubicBezTo>
                    <a:pt x="3846" y="21600"/>
                    <a:pt x="0" y="18522"/>
                    <a:pt x="0" y="12037"/>
                  </a:cubicBezTo>
                  <a:lnTo>
                    <a:pt x="0" y="9508"/>
                  </a:lnTo>
                  <a:cubicBezTo>
                    <a:pt x="0" y="3023"/>
                    <a:pt x="3846" y="0"/>
                    <a:pt x="10832" y="0"/>
                  </a:cubicBezTo>
                  <a:cubicBezTo>
                    <a:pt x="17754" y="0"/>
                    <a:pt x="21600" y="3023"/>
                    <a:pt x="21600" y="9508"/>
                  </a:cubicBezTo>
                  <a:lnTo>
                    <a:pt x="21600" y="12037"/>
                  </a:lnTo>
                  <a:cubicBezTo>
                    <a:pt x="21600" y="18522"/>
                    <a:pt x="17754" y="21600"/>
                    <a:pt x="10832" y="21600"/>
                  </a:cubicBezTo>
                  <a:close/>
                  <a:moveTo>
                    <a:pt x="16024" y="9508"/>
                  </a:moveTo>
                  <a:cubicBezTo>
                    <a:pt x="16024" y="5551"/>
                    <a:pt x="14485" y="4122"/>
                    <a:pt x="10832" y="4122"/>
                  </a:cubicBezTo>
                  <a:cubicBezTo>
                    <a:pt x="7179" y="4122"/>
                    <a:pt x="5576" y="5551"/>
                    <a:pt x="5576" y="9508"/>
                  </a:cubicBezTo>
                  <a:lnTo>
                    <a:pt x="5576" y="12037"/>
                  </a:lnTo>
                  <a:cubicBezTo>
                    <a:pt x="5576" y="15939"/>
                    <a:pt x="7179" y="17478"/>
                    <a:pt x="10832" y="17478"/>
                  </a:cubicBezTo>
                  <a:cubicBezTo>
                    <a:pt x="14485" y="17478"/>
                    <a:pt x="16024" y="15939"/>
                    <a:pt x="16024" y="12037"/>
                  </a:cubicBezTo>
                  <a:lnTo>
                    <a:pt x="16024" y="9508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5" name="Shape 81">
              <a:extLst>
                <a:ext uri="{FF2B5EF4-FFF2-40B4-BE49-F238E27FC236}">
                  <a16:creationId xmlns:a16="http://schemas.microsoft.com/office/drawing/2014/main" id="{F75F2AD8-0729-E846-B6CF-032472BAB3C9}"/>
                </a:ext>
              </a:extLst>
            </p:cNvPr>
            <p:cNvSpPr/>
            <p:nvPr/>
          </p:nvSpPr>
          <p:spPr>
            <a:xfrm>
              <a:off x="1723145" y="315719"/>
              <a:ext cx="38039" cy="228233"/>
            </a:xfrm>
            <a:prstGeom prst="rect">
              <a:avLst/>
            </a:pr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6" name="Shape 82">
              <a:extLst>
                <a:ext uri="{FF2B5EF4-FFF2-40B4-BE49-F238E27FC236}">
                  <a16:creationId xmlns:a16="http://schemas.microsoft.com/office/drawing/2014/main" id="{A1D5322E-B90E-FD45-A515-CDDA6FBAF60D}"/>
                </a:ext>
              </a:extLst>
            </p:cNvPr>
            <p:cNvSpPr/>
            <p:nvPr/>
          </p:nvSpPr>
          <p:spPr>
            <a:xfrm>
              <a:off x="1804928" y="374679"/>
              <a:ext cx="222527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866" y="21600"/>
                  </a:moveTo>
                  <a:lnTo>
                    <a:pt x="17866" y="7783"/>
                  </a:lnTo>
                  <a:cubicBezTo>
                    <a:pt x="17866" y="5470"/>
                    <a:pt x="17823" y="4117"/>
                    <a:pt x="15871" y="4117"/>
                  </a:cubicBezTo>
                  <a:cubicBezTo>
                    <a:pt x="14980" y="4117"/>
                    <a:pt x="13664" y="4568"/>
                    <a:pt x="12561" y="5358"/>
                  </a:cubicBezTo>
                  <a:cubicBezTo>
                    <a:pt x="12646" y="6204"/>
                    <a:pt x="12646" y="6993"/>
                    <a:pt x="12646" y="7783"/>
                  </a:cubicBezTo>
                  <a:lnTo>
                    <a:pt x="12646" y="21600"/>
                  </a:lnTo>
                  <a:lnTo>
                    <a:pt x="8954" y="21600"/>
                  </a:lnTo>
                  <a:lnTo>
                    <a:pt x="8954" y="7783"/>
                  </a:lnTo>
                  <a:cubicBezTo>
                    <a:pt x="8954" y="5414"/>
                    <a:pt x="8912" y="4117"/>
                    <a:pt x="7129" y="4117"/>
                  </a:cubicBezTo>
                  <a:cubicBezTo>
                    <a:pt x="5941" y="4117"/>
                    <a:pt x="4668" y="4794"/>
                    <a:pt x="3692" y="5470"/>
                  </a:cubicBezTo>
                  <a:lnTo>
                    <a:pt x="3692" y="21600"/>
                  </a:lnTo>
                  <a:lnTo>
                    <a:pt x="0" y="21600"/>
                  </a:lnTo>
                  <a:lnTo>
                    <a:pt x="0" y="508"/>
                  </a:lnTo>
                  <a:lnTo>
                    <a:pt x="3565" y="508"/>
                  </a:lnTo>
                  <a:lnTo>
                    <a:pt x="3565" y="2199"/>
                  </a:lnTo>
                  <a:cubicBezTo>
                    <a:pt x="4838" y="846"/>
                    <a:pt x="6535" y="0"/>
                    <a:pt x="8275" y="0"/>
                  </a:cubicBezTo>
                  <a:cubicBezTo>
                    <a:pt x="10185" y="0"/>
                    <a:pt x="11246" y="846"/>
                    <a:pt x="11882" y="2256"/>
                  </a:cubicBezTo>
                  <a:cubicBezTo>
                    <a:pt x="13707" y="620"/>
                    <a:pt x="15362" y="0"/>
                    <a:pt x="16805" y="0"/>
                  </a:cubicBezTo>
                  <a:cubicBezTo>
                    <a:pt x="21303" y="0"/>
                    <a:pt x="21600" y="3891"/>
                    <a:pt x="21600" y="7670"/>
                  </a:cubicBezTo>
                  <a:lnTo>
                    <a:pt x="21600" y="21600"/>
                  </a:lnTo>
                  <a:lnTo>
                    <a:pt x="17866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7" name="Shape 83">
              <a:extLst>
                <a:ext uri="{FF2B5EF4-FFF2-40B4-BE49-F238E27FC236}">
                  <a16:creationId xmlns:a16="http://schemas.microsoft.com/office/drawing/2014/main" id="{354AA6AD-288E-8949-9D22-250E6A86EAB3}"/>
                </a:ext>
              </a:extLst>
            </p:cNvPr>
            <p:cNvSpPr/>
            <p:nvPr/>
          </p:nvSpPr>
          <p:spPr>
            <a:xfrm>
              <a:off x="2069295" y="325229"/>
              <a:ext cx="154058" cy="21872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194" y="21600"/>
                  </a:moveTo>
                  <a:lnTo>
                    <a:pt x="10096" y="13144"/>
                  </a:lnTo>
                  <a:cubicBezTo>
                    <a:pt x="9240" y="13188"/>
                    <a:pt x="8138" y="13188"/>
                    <a:pt x="7220" y="13188"/>
                  </a:cubicBezTo>
                  <a:lnTo>
                    <a:pt x="3733" y="13188"/>
                  </a:lnTo>
                  <a:lnTo>
                    <a:pt x="3733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7098" y="0"/>
                  </a:lnTo>
                  <a:cubicBezTo>
                    <a:pt x="14074" y="0"/>
                    <a:pt x="19703" y="1008"/>
                    <a:pt x="19703" y="6572"/>
                  </a:cubicBezTo>
                  <a:cubicBezTo>
                    <a:pt x="19703" y="10033"/>
                    <a:pt x="17561" y="11742"/>
                    <a:pt x="14074" y="12618"/>
                  </a:cubicBezTo>
                  <a:lnTo>
                    <a:pt x="21600" y="21600"/>
                  </a:lnTo>
                  <a:lnTo>
                    <a:pt x="17194" y="21600"/>
                  </a:lnTo>
                  <a:close/>
                  <a:moveTo>
                    <a:pt x="7098" y="2366"/>
                  </a:moveTo>
                  <a:lnTo>
                    <a:pt x="3733" y="2366"/>
                  </a:lnTo>
                  <a:lnTo>
                    <a:pt x="3733" y="10822"/>
                  </a:lnTo>
                  <a:lnTo>
                    <a:pt x="7220" y="10822"/>
                  </a:lnTo>
                  <a:cubicBezTo>
                    <a:pt x="13156" y="10822"/>
                    <a:pt x="15909" y="9989"/>
                    <a:pt x="15909" y="6572"/>
                  </a:cubicBezTo>
                  <a:cubicBezTo>
                    <a:pt x="15909" y="2979"/>
                    <a:pt x="12972" y="2366"/>
                    <a:pt x="7098" y="236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8" name="Shape 84">
              <a:extLst>
                <a:ext uri="{FF2B5EF4-FFF2-40B4-BE49-F238E27FC236}">
                  <a16:creationId xmlns:a16="http://schemas.microsoft.com/office/drawing/2014/main" id="{A8B61740-019C-9841-A7B7-F101C6F4EE77}"/>
                </a:ext>
              </a:extLst>
            </p:cNvPr>
            <p:cNvSpPr/>
            <p:nvPr/>
          </p:nvSpPr>
          <p:spPr>
            <a:xfrm>
              <a:off x="2242371" y="378483"/>
              <a:ext cx="135039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098" y="12037"/>
                  </a:moveTo>
                  <a:lnTo>
                    <a:pt x="4098" y="12431"/>
                  </a:lnTo>
                  <a:cubicBezTo>
                    <a:pt x="4098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766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696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098" y="12037"/>
                  </a:lnTo>
                  <a:close/>
                  <a:moveTo>
                    <a:pt x="17294" y="8888"/>
                  </a:moveTo>
                  <a:cubicBezTo>
                    <a:pt x="17294" y="6412"/>
                    <a:pt x="16669" y="2925"/>
                    <a:pt x="10765" y="2925"/>
                  </a:cubicBezTo>
                  <a:cubicBezTo>
                    <a:pt x="4931" y="2925"/>
                    <a:pt x="4167" y="6412"/>
                    <a:pt x="4167" y="8888"/>
                  </a:cubicBezTo>
                  <a:lnTo>
                    <a:pt x="4167" y="9281"/>
                  </a:lnTo>
                  <a:lnTo>
                    <a:pt x="17294" y="9281"/>
                  </a:lnTo>
                  <a:lnTo>
                    <a:pt x="17294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9" name="Shape 85">
              <a:extLst>
                <a:ext uri="{FF2B5EF4-FFF2-40B4-BE49-F238E27FC236}">
                  <a16:creationId xmlns:a16="http://schemas.microsoft.com/office/drawing/2014/main" id="{C4205365-7AE8-E74E-9113-A99590FC4D16}"/>
                </a:ext>
              </a:extLst>
            </p:cNvPr>
            <p:cNvSpPr/>
            <p:nvPr/>
          </p:nvSpPr>
          <p:spPr>
            <a:xfrm>
              <a:off x="2405936" y="378483"/>
              <a:ext cx="114118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302" y="21600"/>
                  </a:moveTo>
                  <a:cubicBezTo>
                    <a:pt x="6065" y="21600"/>
                    <a:pt x="1412" y="20981"/>
                    <a:pt x="415" y="20756"/>
                  </a:cubicBezTo>
                  <a:lnTo>
                    <a:pt x="415" y="18169"/>
                  </a:lnTo>
                  <a:cubicBezTo>
                    <a:pt x="2243" y="18281"/>
                    <a:pt x="6480" y="18731"/>
                    <a:pt x="10135" y="18731"/>
                  </a:cubicBezTo>
                  <a:cubicBezTo>
                    <a:pt x="15286" y="18731"/>
                    <a:pt x="16615" y="17775"/>
                    <a:pt x="16615" y="15975"/>
                  </a:cubicBezTo>
                  <a:cubicBezTo>
                    <a:pt x="16615" y="14119"/>
                    <a:pt x="15702" y="13556"/>
                    <a:pt x="10551" y="12094"/>
                  </a:cubicBezTo>
                  <a:lnTo>
                    <a:pt x="8308" y="11419"/>
                  </a:lnTo>
                  <a:cubicBezTo>
                    <a:pt x="2492" y="9731"/>
                    <a:pt x="0" y="8100"/>
                    <a:pt x="0" y="5119"/>
                  </a:cubicBezTo>
                  <a:cubicBezTo>
                    <a:pt x="0" y="1687"/>
                    <a:pt x="3323" y="0"/>
                    <a:pt x="10966" y="0"/>
                  </a:cubicBezTo>
                  <a:cubicBezTo>
                    <a:pt x="15037" y="0"/>
                    <a:pt x="19025" y="506"/>
                    <a:pt x="20105" y="787"/>
                  </a:cubicBezTo>
                  <a:lnTo>
                    <a:pt x="20105" y="3262"/>
                  </a:lnTo>
                  <a:cubicBezTo>
                    <a:pt x="16948" y="3037"/>
                    <a:pt x="13292" y="2869"/>
                    <a:pt x="11215" y="2869"/>
                  </a:cubicBezTo>
                  <a:cubicBezTo>
                    <a:pt x="6812" y="2869"/>
                    <a:pt x="4985" y="3262"/>
                    <a:pt x="4985" y="5119"/>
                  </a:cubicBezTo>
                  <a:cubicBezTo>
                    <a:pt x="4985" y="6750"/>
                    <a:pt x="5982" y="7425"/>
                    <a:pt x="10218" y="8662"/>
                  </a:cubicBezTo>
                  <a:lnTo>
                    <a:pt x="12462" y="9337"/>
                  </a:lnTo>
                  <a:cubicBezTo>
                    <a:pt x="19523" y="11419"/>
                    <a:pt x="21600" y="12712"/>
                    <a:pt x="21600" y="15863"/>
                  </a:cubicBezTo>
                  <a:cubicBezTo>
                    <a:pt x="21600" y="18844"/>
                    <a:pt x="19274" y="21600"/>
                    <a:pt x="10302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0" name="Shape 86">
              <a:extLst>
                <a:ext uri="{FF2B5EF4-FFF2-40B4-BE49-F238E27FC236}">
                  <a16:creationId xmlns:a16="http://schemas.microsoft.com/office/drawing/2014/main" id="{70474D0F-B352-9548-8000-E817FD8892AB}"/>
                </a:ext>
              </a:extLst>
            </p:cNvPr>
            <p:cNvSpPr/>
            <p:nvPr/>
          </p:nvSpPr>
          <p:spPr>
            <a:xfrm>
              <a:off x="2546679" y="378483"/>
              <a:ext cx="136941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363" y="8888"/>
                  </a:moveTo>
                  <a:cubicBezTo>
                    <a:pt x="17363" y="6412"/>
                    <a:pt x="16669" y="2925"/>
                    <a:pt x="10765" y="2925"/>
                  </a:cubicBezTo>
                  <a:cubicBezTo>
                    <a:pt x="5001" y="2925"/>
                    <a:pt x="4237" y="6412"/>
                    <a:pt x="4237" y="8888"/>
                  </a:cubicBezTo>
                  <a:lnTo>
                    <a:pt x="4237" y="9281"/>
                  </a:lnTo>
                  <a:lnTo>
                    <a:pt x="17363" y="9281"/>
                  </a:lnTo>
                  <a:lnTo>
                    <a:pt x="17363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1" name="Shape 87">
              <a:extLst>
                <a:ext uri="{FF2B5EF4-FFF2-40B4-BE49-F238E27FC236}">
                  <a16:creationId xmlns:a16="http://schemas.microsoft.com/office/drawing/2014/main" id="{35DD8808-7E4D-4941-8F39-0DDF7A2770D2}"/>
                </a:ext>
              </a:extLst>
            </p:cNvPr>
            <p:cNvSpPr/>
            <p:nvPr/>
          </p:nvSpPr>
          <p:spPr>
            <a:xfrm>
              <a:off x="2712147" y="378483"/>
              <a:ext cx="123627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34" y="21094"/>
                  </a:moveTo>
                  <a:lnTo>
                    <a:pt x="17234" y="19687"/>
                  </a:lnTo>
                  <a:cubicBezTo>
                    <a:pt x="15549" y="20531"/>
                    <a:pt x="12485" y="21600"/>
                    <a:pt x="8349" y="21600"/>
                  </a:cubicBezTo>
                  <a:cubicBezTo>
                    <a:pt x="3140" y="21600"/>
                    <a:pt x="0" y="19856"/>
                    <a:pt x="0" y="15750"/>
                  </a:cubicBezTo>
                  <a:lnTo>
                    <a:pt x="0" y="15019"/>
                  </a:lnTo>
                  <a:cubicBezTo>
                    <a:pt x="0" y="9619"/>
                    <a:pt x="5055" y="8662"/>
                    <a:pt x="12868" y="8662"/>
                  </a:cubicBezTo>
                  <a:lnTo>
                    <a:pt x="17004" y="8662"/>
                  </a:lnTo>
                  <a:lnTo>
                    <a:pt x="17004" y="7200"/>
                  </a:lnTo>
                  <a:cubicBezTo>
                    <a:pt x="17004" y="3656"/>
                    <a:pt x="16085" y="2869"/>
                    <a:pt x="10494" y="2869"/>
                  </a:cubicBezTo>
                  <a:cubicBezTo>
                    <a:pt x="7353" y="2869"/>
                    <a:pt x="4902" y="3037"/>
                    <a:pt x="1838" y="3319"/>
                  </a:cubicBezTo>
                  <a:lnTo>
                    <a:pt x="1838" y="900"/>
                  </a:lnTo>
                  <a:cubicBezTo>
                    <a:pt x="2681" y="675"/>
                    <a:pt x="6511" y="0"/>
                    <a:pt x="10800" y="0"/>
                  </a:cubicBezTo>
                  <a:cubicBezTo>
                    <a:pt x="20145" y="0"/>
                    <a:pt x="21600" y="2531"/>
                    <a:pt x="21600" y="7200"/>
                  </a:cubicBezTo>
                  <a:lnTo>
                    <a:pt x="21600" y="21094"/>
                  </a:lnTo>
                  <a:lnTo>
                    <a:pt x="17234" y="21094"/>
                  </a:lnTo>
                  <a:close/>
                  <a:moveTo>
                    <a:pt x="17004" y="11194"/>
                  </a:moveTo>
                  <a:lnTo>
                    <a:pt x="12868" y="11194"/>
                  </a:lnTo>
                  <a:cubicBezTo>
                    <a:pt x="6970" y="11194"/>
                    <a:pt x="4596" y="11756"/>
                    <a:pt x="4596" y="15019"/>
                  </a:cubicBezTo>
                  <a:lnTo>
                    <a:pt x="4596" y="16031"/>
                  </a:lnTo>
                  <a:cubicBezTo>
                    <a:pt x="4596" y="18337"/>
                    <a:pt x="6511" y="18956"/>
                    <a:pt x="9268" y="18956"/>
                  </a:cubicBezTo>
                  <a:cubicBezTo>
                    <a:pt x="12562" y="18956"/>
                    <a:pt x="15855" y="17888"/>
                    <a:pt x="17004" y="17325"/>
                  </a:cubicBezTo>
                  <a:lnTo>
                    <a:pt x="17004" y="11194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2" name="Shape 88">
              <a:extLst>
                <a:ext uri="{FF2B5EF4-FFF2-40B4-BE49-F238E27FC236}">
                  <a16:creationId xmlns:a16="http://schemas.microsoft.com/office/drawing/2014/main" id="{B225FA30-F403-104F-A859-C5B2B600C954}"/>
                </a:ext>
              </a:extLst>
            </p:cNvPr>
            <p:cNvSpPr/>
            <p:nvPr/>
          </p:nvSpPr>
          <p:spPr>
            <a:xfrm>
              <a:off x="2881418" y="378483"/>
              <a:ext cx="83687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6779" y="4896"/>
                  </a:moveTo>
                  <a:lnTo>
                    <a:pt x="6779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6664" y="576"/>
                  </a:lnTo>
                  <a:lnTo>
                    <a:pt x="6664" y="2246"/>
                  </a:lnTo>
                  <a:cubicBezTo>
                    <a:pt x="10685" y="691"/>
                    <a:pt x="15740" y="0"/>
                    <a:pt x="21600" y="0"/>
                  </a:cubicBezTo>
                  <a:lnTo>
                    <a:pt x="21600" y="3053"/>
                  </a:lnTo>
                  <a:cubicBezTo>
                    <a:pt x="16200" y="3053"/>
                    <a:pt x="9996" y="3859"/>
                    <a:pt x="6779" y="489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3" name="Shape 89">
              <a:extLst>
                <a:ext uri="{FF2B5EF4-FFF2-40B4-BE49-F238E27FC236}">
                  <a16:creationId xmlns:a16="http://schemas.microsoft.com/office/drawing/2014/main" id="{1E321C84-399A-FB4D-9DD1-59FD3C593C63}"/>
                </a:ext>
              </a:extLst>
            </p:cNvPr>
            <p:cNvSpPr/>
            <p:nvPr/>
          </p:nvSpPr>
          <p:spPr>
            <a:xfrm>
              <a:off x="2982220" y="378483"/>
              <a:ext cx="108412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2614" y="21600"/>
                  </a:moveTo>
                  <a:cubicBezTo>
                    <a:pt x="4061" y="21600"/>
                    <a:pt x="0" y="18169"/>
                    <a:pt x="0" y="12319"/>
                  </a:cubicBezTo>
                  <a:lnTo>
                    <a:pt x="0" y="9225"/>
                  </a:lnTo>
                  <a:cubicBezTo>
                    <a:pt x="0" y="3319"/>
                    <a:pt x="4061" y="0"/>
                    <a:pt x="12614" y="0"/>
                  </a:cubicBezTo>
                  <a:cubicBezTo>
                    <a:pt x="17194" y="0"/>
                    <a:pt x="20563" y="506"/>
                    <a:pt x="21600" y="731"/>
                  </a:cubicBezTo>
                  <a:lnTo>
                    <a:pt x="21600" y="3262"/>
                  </a:lnTo>
                  <a:cubicBezTo>
                    <a:pt x="17798" y="2981"/>
                    <a:pt x="15034" y="2869"/>
                    <a:pt x="13392" y="2869"/>
                  </a:cubicBezTo>
                  <a:cubicBezTo>
                    <a:pt x="8294" y="2869"/>
                    <a:pt x="5184" y="4106"/>
                    <a:pt x="5184" y="9225"/>
                  </a:cubicBezTo>
                  <a:lnTo>
                    <a:pt x="5184" y="12319"/>
                  </a:lnTo>
                  <a:cubicBezTo>
                    <a:pt x="5184" y="17438"/>
                    <a:pt x="8294" y="18731"/>
                    <a:pt x="13392" y="18731"/>
                  </a:cubicBezTo>
                  <a:cubicBezTo>
                    <a:pt x="15034" y="18731"/>
                    <a:pt x="17798" y="18619"/>
                    <a:pt x="21600" y="18337"/>
                  </a:cubicBezTo>
                  <a:lnTo>
                    <a:pt x="21600" y="20869"/>
                  </a:lnTo>
                  <a:cubicBezTo>
                    <a:pt x="20563" y="21094"/>
                    <a:pt x="17194" y="21600"/>
                    <a:pt x="12614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4" name="Shape 90">
              <a:extLst>
                <a:ext uri="{FF2B5EF4-FFF2-40B4-BE49-F238E27FC236}">
                  <a16:creationId xmlns:a16="http://schemas.microsoft.com/office/drawing/2014/main" id="{9A26B491-F1BA-0E4A-AAE8-83F49A2A99F9}"/>
                </a:ext>
              </a:extLst>
            </p:cNvPr>
            <p:cNvSpPr/>
            <p:nvPr/>
          </p:nvSpPr>
          <p:spPr>
            <a:xfrm>
              <a:off x="3128668" y="315719"/>
              <a:ext cx="127431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07" y="21600"/>
                  </a:moveTo>
                  <a:lnTo>
                    <a:pt x="17207" y="11893"/>
                  </a:lnTo>
                  <a:cubicBezTo>
                    <a:pt x="17207" y="8867"/>
                    <a:pt x="15816" y="8026"/>
                    <a:pt x="12155" y="8026"/>
                  </a:cubicBezTo>
                  <a:cubicBezTo>
                    <a:pt x="9079" y="8026"/>
                    <a:pt x="6004" y="8657"/>
                    <a:pt x="4320" y="9119"/>
                  </a:cubicBezTo>
                  <a:lnTo>
                    <a:pt x="4320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4320" y="0"/>
                  </a:lnTo>
                  <a:lnTo>
                    <a:pt x="4320" y="7102"/>
                  </a:lnTo>
                  <a:cubicBezTo>
                    <a:pt x="6004" y="6598"/>
                    <a:pt x="9153" y="5841"/>
                    <a:pt x="13033" y="5841"/>
                  </a:cubicBezTo>
                  <a:cubicBezTo>
                    <a:pt x="18818" y="5841"/>
                    <a:pt x="21600" y="7774"/>
                    <a:pt x="21600" y="11809"/>
                  </a:cubicBezTo>
                  <a:lnTo>
                    <a:pt x="21600" y="21600"/>
                  </a:lnTo>
                  <a:lnTo>
                    <a:pt x="17207" y="216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5" name="Shape 91">
              <a:extLst>
                <a:ext uri="{FF2B5EF4-FFF2-40B4-BE49-F238E27FC236}">
                  <a16:creationId xmlns:a16="http://schemas.microsoft.com/office/drawing/2014/main" id="{ADD3DCA9-ED51-7948-B4A0-BFB5E7BCAB62}"/>
                </a:ext>
              </a:extLst>
            </p:cNvPr>
            <p:cNvSpPr/>
            <p:nvPr/>
          </p:nvSpPr>
          <p:spPr>
            <a:xfrm>
              <a:off x="3290332" y="321425"/>
              <a:ext cx="136941" cy="22633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3689" y="21600"/>
                  </a:moveTo>
                  <a:cubicBezTo>
                    <a:pt x="5985" y="21600"/>
                    <a:pt x="0" y="19821"/>
                    <a:pt x="0" y="12494"/>
                  </a:cubicBezTo>
                  <a:lnTo>
                    <a:pt x="0" y="9021"/>
                  </a:lnTo>
                  <a:cubicBezTo>
                    <a:pt x="0" y="1694"/>
                    <a:pt x="5985" y="0"/>
                    <a:pt x="13689" y="0"/>
                  </a:cubicBezTo>
                  <a:cubicBezTo>
                    <a:pt x="16854" y="0"/>
                    <a:pt x="20224" y="339"/>
                    <a:pt x="21600" y="466"/>
                  </a:cubicBezTo>
                  <a:lnTo>
                    <a:pt x="21600" y="2584"/>
                  </a:lnTo>
                  <a:cubicBezTo>
                    <a:pt x="19468" y="2456"/>
                    <a:pt x="16234" y="2287"/>
                    <a:pt x="13689" y="2287"/>
                  </a:cubicBezTo>
                  <a:cubicBezTo>
                    <a:pt x="7292" y="2287"/>
                    <a:pt x="4196" y="3896"/>
                    <a:pt x="4196" y="9021"/>
                  </a:cubicBezTo>
                  <a:lnTo>
                    <a:pt x="4196" y="12494"/>
                  </a:lnTo>
                  <a:cubicBezTo>
                    <a:pt x="4196" y="17619"/>
                    <a:pt x="7292" y="19271"/>
                    <a:pt x="13689" y="19271"/>
                  </a:cubicBezTo>
                  <a:cubicBezTo>
                    <a:pt x="16234" y="19271"/>
                    <a:pt x="19468" y="19101"/>
                    <a:pt x="21600" y="19016"/>
                  </a:cubicBezTo>
                  <a:lnTo>
                    <a:pt x="21600" y="21134"/>
                  </a:lnTo>
                  <a:cubicBezTo>
                    <a:pt x="20224" y="21261"/>
                    <a:pt x="16854" y="21600"/>
                    <a:pt x="13689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6" name="Shape 92">
              <a:extLst>
                <a:ext uri="{FF2B5EF4-FFF2-40B4-BE49-F238E27FC236}">
                  <a16:creationId xmlns:a16="http://schemas.microsoft.com/office/drawing/2014/main" id="{57565BDC-9EBA-7643-8F3A-06909C343F66}"/>
                </a:ext>
              </a:extLst>
            </p:cNvPr>
            <p:cNvSpPr/>
            <p:nvPr/>
          </p:nvSpPr>
          <p:spPr>
            <a:xfrm>
              <a:off x="3448192" y="378483"/>
              <a:ext cx="136940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294" y="8888"/>
                  </a:moveTo>
                  <a:cubicBezTo>
                    <a:pt x="17294" y="6412"/>
                    <a:pt x="16669" y="2925"/>
                    <a:pt x="10765" y="2925"/>
                  </a:cubicBezTo>
                  <a:cubicBezTo>
                    <a:pt x="5001" y="2925"/>
                    <a:pt x="4167" y="6412"/>
                    <a:pt x="4167" y="8888"/>
                  </a:cubicBezTo>
                  <a:lnTo>
                    <a:pt x="4167" y="9281"/>
                  </a:lnTo>
                  <a:lnTo>
                    <a:pt x="17294" y="9281"/>
                  </a:lnTo>
                  <a:lnTo>
                    <a:pt x="17294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7" name="Shape 93">
              <a:extLst>
                <a:ext uri="{FF2B5EF4-FFF2-40B4-BE49-F238E27FC236}">
                  <a16:creationId xmlns:a16="http://schemas.microsoft.com/office/drawing/2014/main" id="{0BDCFD5B-FD27-074F-BE7A-3BF4D27A6E33}"/>
                </a:ext>
              </a:extLst>
            </p:cNvPr>
            <p:cNvSpPr/>
            <p:nvPr/>
          </p:nvSpPr>
          <p:spPr>
            <a:xfrm>
              <a:off x="3621267" y="378483"/>
              <a:ext cx="129333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07" y="21600"/>
                  </a:moveTo>
                  <a:lnTo>
                    <a:pt x="17207" y="8179"/>
                  </a:lnTo>
                  <a:cubicBezTo>
                    <a:pt x="17207" y="4320"/>
                    <a:pt x="16401" y="2938"/>
                    <a:pt x="12740" y="2938"/>
                  </a:cubicBezTo>
                  <a:cubicBezTo>
                    <a:pt x="10617" y="2938"/>
                    <a:pt x="7908" y="3629"/>
                    <a:pt x="4320" y="4838"/>
                  </a:cubicBezTo>
                  <a:lnTo>
                    <a:pt x="4320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4320" y="576"/>
                  </a:lnTo>
                  <a:lnTo>
                    <a:pt x="4320" y="2189"/>
                  </a:lnTo>
                  <a:cubicBezTo>
                    <a:pt x="7468" y="922"/>
                    <a:pt x="10251" y="0"/>
                    <a:pt x="13253" y="0"/>
                  </a:cubicBezTo>
                  <a:cubicBezTo>
                    <a:pt x="20355" y="0"/>
                    <a:pt x="21600" y="3053"/>
                    <a:pt x="21600" y="8179"/>
                  </a:cubicBezTo>
                  <a:lnTo>
                    <a:pt x="21600" y="21600"/>
                  </a:lnTo>
                  <a:lnTo>
                    <a:pt x="17207" y="216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8" name="Shape 94">
              <a:extLst>
                <a:ext uri="{FF2B5EF4-FFF2-40B4-BE49-F238E27FC236}">
                  <a16:creationId xmlns:a16="http://schemas.microsoft.com/office/drawing/2014/main" id="{1209AD1B-662E-CA47-9BEC-A70E77AEA906}"/>
                </a:ext>
              </a:extLst>
            </p:cNvPr>
            <p:cNvSpPr/>
            <p:nvPr/>
          </p:nvSpPr>
          <p:spPr>
            <a:xfrm>
              <a:off x="3775323" y="340444"/>
              <a:ext cx="100804" cy="20731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5335" y="21600"/>
                  </a:moveTo>
                  <a:cubicBezTo>
                    <a:pt x="9070" y="21600"/>
                    <a:pt x="6826" y="20495"/>
                    <a:pt x="6826" y="17317"/>
                  </a:cubicBezTo>
                  <a:lnTo>
                    <a:pt x="6826" y="6632"/>
                  </a:lnTo>
                  <a:lnTo>
                    <a:pt x="0" y="6402"/>
                  </a:lnTo>
                  <a:lnTo>
                    <a:pt x="0" y="4375"/>
                  </a:lnTo>
                  <a:lnTo>
                    <a:pt x="6826" y="4375"/>
                  </a:lnTo>
                  <a:lnTo>
                    <a:pt x="6826" y="0"/>
                  </a:lnTo>
                  <a:lnTo>
                    <a:pt x="12436" y="0"/>
                  </a:lnTo>
                  <a:lnTo>
                    <a:pt x="12436" y="4375"/>
                  </a:lnTo>
                  <a:lnTo>
                    <a:pt x="21600" y="4375"/>
                  </a:lnTo>
                  <a:lnTo>
                    <a:pt x="21600" y="6632"/>
                  </a:lnTo>
                  <a:lnTo>
                    <a:pt x="12436" y="6632"/>
                  </a:lnTo>
                  <a:lnTo>
                    <a:pt x="12436" y="17179"/>
                  </a:lnTo>
                  <a:cubicBezTo>
                    <a:pt x="12436" y="19067"/>
                    <a:pt x="12810" y="19389"/>
                    <a:pt x="15896" y="19389"/>
                  </a:cubicBezTo>
                  <a:cubicBezTo>
                    <a:pt x="17860" y="19389"/>
                    <a:pt x="20478" y="19297"/>
                    <a:pt x="21600" y="19251"/>
                  </a:cubicBezTo>
                  <a:lnTo>
                    <a:pt x="21600" y="21139"/>
                  </a:lnTo>
                  <a:cubicBezTo>
                    <a:pt x="20665" y="21278"/>
                    <a:pt x="17953" y="21600"/>
                    <a:pt x="15335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9" name="Shape 95">
              <a:extLst>
                <a:ext uri="{FF2B5EF4-FFF2-40B4-BE49-F238E27FC236}">
                  <a16:creationId xmlns:a16="http://schemas.microsoft.com/office/drawing/2014/main" id="{D6FAA728-F109-0E45-9176-893F2BBE56D8}"/>
                </a:ext>
              </a:extLst>
            </p:cNvPr>
            <p:cNvSpPr/>
            <p:nvPr/>
          </p:nvSpPr>
          <p:spPr>
            <a:xfrm>
              <a:off x="3914164" y="378483"/>
              <a:ext cx="81785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6779" y="4896"/>
                  </a:moveTo>
                  <a:lnTo>
                    <a:pt x="6779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6664" y="576"/>
                  </a:lnTo>
                  <a:lnTo>
                    <a:pt x="6664" y="2246"/>
                  </a:lnTo>
                  <a:cubicBezTo>
                    <a:pt x="10570" y="691"/>
                    <a:pt x="15740" y="0"/>
                    <a:pt x="21600" y="0"/>
                  </a:cubicBezTo>
                  <a:lnTo>
                    <a:pt x="21600" y="3053"/>
                  </a:lnTo>
                  <a:cubicBezTo>
                    <a:pt x="16085" y="3053"/>
                    <a:pt x="9881" y="3859"/>
                    <a:pt x="6779" y="489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0" name="Shape 96">
              <a:extLst>
                <a:ext uri="{FF2B5EF4-FFF2-40B4-BE49-F238E27FC236}">
                  <a16:creationId xmlns:a16="http://schemas.microsoft.com/office/drawing/2014/main" id="{461470A1-06B9-0B48-9564-24DB56FBD289}"/>
                </a:ext>
              </a:extLst>
            </p:cNvPr>
            <p:cNvSpPr/>
            <p:nvPr/>
          </p:nvSpPr>
          <p:spPr>
            <a:xfrm>
              <a:off x="4009260" y="378483"/>
              <a:ext cx="135039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363" y="8888"/>
                  </a:moveTo>
                  <a:cubicBezTo>
                    <a:pt x="17363" y="6412"/>
                    <a:pt x="16669" y="2925"/>
                    <a:pt x="10765" y="2925"/>
                  </a:cubicBezTo>
                  <a:cubicBezTo>
                    <a:pt x="5001" y="2925"/>
                    <a:pt x="4237" y="6412"/>
                    <a:pt x="4237" y="8888"/>
                  </a:cubicBezTo>
                  <a:lnTo>
                    <a:pt x="4237" y="9281"/>
                  </a:lnTo>
                  <a:lnTo>
                    <a:pt x="17363" y="9281"/>
                  </a:lnTo>
                  <a:lnTo>
                    <a:pt x="17363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1" name="Shape 97">
              <a:extLst>
                <a:ext uri="{FF2B5EF4-FFF2-40B4-BE49-F238E27FC236}">
                  <a16:creationId xmlns:a16="http://schemas.microsoft.com/office/drawing/2014/main" id="{F90ADEA0-5148-F742-BE46-3A6ED937028F}"/>
                </a:ext>
              </a:extLst>
            </p:cNvPr>
            <p:cNvSpPr/>
            <p:nvPr/>
          </p:nvSpPr>
          <p:spPr>
            <a:xfrm>
              <a:off x="484991" y="-1"/>
              <a:ext cx="38041" cy="38041"/>
            </a:xfrm>
            <a:prstGeom prst="ellipse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2" name="Shape 98">
              <a:extLst>
                <a:ext uri="{FF2B5EF4-FFF2-40B4-BE49-F238E27FC236}">
                  <a16:creationId xmlns:a16="http://schemas.microsoft.com/office/drawing/2014/main" id="{5B1F20FF-164C-FE4F-9DA8-17D3465D3095}"/>
                </a:ext>
              </a:extLst>
            </p:cNvPr>
            <p:cNvSpPr/>
            <p:nvPr/>
          </p:nvSpPr>
          <p:spPr>
            <a:xfrm>
              <a:off x="462168" y="102704"/>
              <a:ext cx="83687" cy="83687"/>
            </a:xfrm>
            <a:prstGeom prst="ellipse">
              <a:avLst/>
            </a:prstGeom>
            <a:solidFill>
              <a:srgbClr val="CDD64B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3" name="Shape 99">
              <a:extLst>
                <a:ext uri="{FF2B5EF4-FFF2-40B4-BE49-F238E27FC236}">
                  <a16:creationId xmlns:a16="http://schemas.microsoft.com/office/drawing/2014/main" id="{EE222175-2576-3E44-AAB2-3A1B04EACED1}"/>
                </a:ext>
              </a:extLst>
            </p:cNvPr>
            <p:cNvSpPr/>
            <p:nvPr/>
          </p:nvSpPr>
          <p:spPr>
            <a:xfrm>
              <a:off x="477383" y="241544"/>
              <a:ext cx="53257" cy="5706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4" name="Shape 100">
              <a:extLst>
                <a:ext uri="{FF2B5EF4-FFF2-40B4-BE49-F238E27FC236}">
                  <a16:creationId xmlns:a16="http://schemas.microsoft.com/office/drawing/2014/main" id="{284150E7-A7CC-9047-A211-1F28B288453B}"/>
                </a:ext>
              </a:extLst>
            </p:cNvPr>
            <p:cNvSpPr/>
            <p:nvPr/>
          </p:nvSpPr>
          <p:spPr>
            <a:xfrm>
              <a:off x="302406" y="228231"/>
              <a:ext cx="81785" cy="83687"/>
            </a:xfrm>
            <a:prstGeom prst="ellipse">
              <a:avLst/>
            </a:prstGeom>
            <a:solidFill>
              <a:srgbClr val="CDD64B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5" name="Shape 101">
              <a:extLst>
                <a:ext uri="{FF2B5EF4-FFF2-40B4-BE49-F238E27FC236}">
                  <a16:creationId xmlns:a16="http://schemas.microsoft.com/office/drawing/2014/main" id="{3EB19916-1B80-1241-B4CA-7ABE3173678B}"/>
                </a:ext>
              </a:extLst>
            </p:cNvPr>
            <p:cNvSpPr/>
            <p:nvPr/>
          </p:nvSpPr>
          <p:spPr>
            <a:xfrm>
              <a:off x="304308" y="357562"/>
              <a:ext cx="76079" cy="76079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6" name="Shape 102">
              <a:extLst>
                <a:ext uri="{FF2B5EF4-FFF2-40B4-BE49-F238E27FC236}">
                  <a16:creationId xmlns:a16="http://schemas.microsoft.com/office/drawing/2014/main" id="{2B1C90D1-E317-074E-A1C3-64866BADA340}"/>
                </a:ext>
              </a:extLst>
            </p:cNvPr>
            <p:cNvSpPr/>
            <p:nvPr/>
          </p:nvSpPr>
          <p:spPr>
            <a:xfrm>
              <a:off x="142644" y="483090"/>
              <a:ext cx="76079" cy="76079"/>
            </a:xfrm>
            <a:prstGeom prst="ellipse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7" name="Shape 103">
              <a:extLst>
                <a:ext uri="{FF2B5EF4-FFF2-40B4-BE49-F238E27FC236}">
                  <a16:creationId xmlns:a16="http://schemas.microsoft.com/office/drawing/2014/main" id="{92DA6B77-1525-354A-8F4D-85443F5B0C48}"/>
                </a:ext>
              </a:extLst>
            </p:cNvPr>
            <p:cNvSpPr/>
            <p:nvPr/>
          </p:nvSpPr>
          <p:spPr>
            <a:xfrm>
              <a:off x="154056" y="368973"/>
              <a:ext cx="53255" cy="53257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8" name="Shape 104">
              <a:extLst>
                <a:ext uri="{FF2B5EF4-FFF2-40B4-BE49-F238E27FC236}">
                  <a16:creationId xmlns:a16="http://schemas.microsoft.com/office/drawing/2014/main" id="{B1BB93B8-1B3E-A34F-89C0-B642A137D05C}"/>
                </a:ext>
              </a:extLst>
            </p:cNvPr>
            <p:cNvSpPr/>
            <p:nvPr/>
          </p:nvSpPr>
          <p:spPr>
            <a:xfrm>
              <a:off x="148350" y="237740"/>
              <a:ext cx="64667" cy="66569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9" name="Shape 105">
              <a:extLst>
                <a:ext uri="{FF2B5EF4-FFF2-40B4-BE49-F238E27FC236}">
                  <a16:creationId xmlns:a16="http://schemas.microsoft.com/office/drawing/2014/main" id="{89BDB618-BC74-7547-93AE-F69F7B2C7D94}"/>
                </a:ext>
              </a:extLst>
            </p:cNvPr>
            <p:cNvSpPr/>
            <p:nvPr/>
          </p:nvSpPr>
          <p:spPr>
            <a:xfrm>
              <a:off x="646654" y="125527"/>
              <a:ext cx="38041" cy="38041"/>
            </a:xfrm>
            <a:prstGeom prst="ellipse">
              <a:avLst/>
            </a:prstGeom>
            <a:solidFill>
              <a:srgbClr val="C6168C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50" name="Shape 106">
              <a:extLst>
                <a:ext uri="{FF2B5EF4-FFF2-40B4-BE49-F238E27FC236}">
                  <a16:creationId xmlns:a16="http://schemas.microsoft.com/office/drawing/2014/main" id="{13BFEC6C-480F-A74D-A1F4-284A09DA006D}"/>
                </a:ext>
              </a:extLst>
            </p:cNvPr>
            <p:cNvSpPr/>
            <p:nvPr/>
          </p:nvSpPr>
          <p:spPr>
            <a:xfrm>
              <a:off x="484991" y="376582"/>
              <a:ext cx="38041" cy="3804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51" name="Shape 107">
              <a:extLst>
                <a:ext uri="{FF2B5EF4-FFF2-40B4-BE49-F238E27FC236}">
                  <a16:creationId xmlns:a16="http://schemas.microsoft.com/office/drawing/2014/main" id="{9FB8B6A2-3461-6746-9107-0B1B7494FAB7}"/>
                </a:ext>
              </a:extLst>
            </p:cNvPr>
            <p:cNvSpPr/>
            <p:nvPr/>
          </p:nvSpPr>
          <p:spPr>
            <a:xfrm>
              <a:off x="-1" y="376582"/>
              <a:ext cx="38041" cy="3804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</p:grpSp>
      <p:pic>
        <p:nvPicPr>
          <p:cNvPr id="152" name="image3.png">
            <a:extLst>
              <a:ext uri="{FF2B5EF4-FFF2-40B4-BE49-F238E27FC236}">
                <a16:creationId xmlns:a16="http://schemas.microsoft.com/office/drawing/2014/main" id="{B96D002A-3559-C546-A7C4-B047257686C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/>
          </a:blip>
          <a:srcRect l="5251" t="10853" r="24666" b="21234"/>
          <a:stretch>
            <a:fillRect/>
          </a:stretch>
        </p:blipFill>
        <p:spPr>
          <a:xfrm>
            <a:off x="5253104" y="9024119"/>
            <a:ext cx="3108199" cy="752991"/>
          </a:xfrm>
          <a:prstGeom prst="rect">
            <a:avLst/>
          </a:prstGeom>
          <a:ln w="12700">
            <a:miter lim="400000"/>
          </a:ln>
        </p:spPr>
      </p:pic>
      <p:pic>
        <p:nvPicPr>
          <p:cNvPr id="153" name="image4.png">
            <a:extLst>
              <a:ext uri="{FF2B5EF4-FFF2-40B4-BE49-F238E27FC236}">
                <a16:creationId xmlns:a16="http://schemas.microsoft.com/office/drawing/2014/main" id="{077F3B0A-C177-454C-92EE-CA2FCF86EB9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/>
          </a:blip>
          <a:srcRect t="12587" r="7960" b="20519"/>
          <a:stretch>
            <a:fillRect/>
          </a:stretch>
        </p:blipFill>
        <p:spPr>
          <a:xfrm>
            <a:off x="610411" y="9024118"/>
            <a:ext cx="4144524" cy="753049"/>
          </a:xfrm>
          <a:prstGeom prst="rect">
            <a:avLst/>
          </a:prstGeom>
          <a:ln w="12700">
            <a:miter lim="400000"/>
          </a:ln>
        </p:spPr>
      </p:pic>
      <p:pic>
        <p:nvPicPr>
          <p:cNvPr id="154" name="image4.png">
            <a:extLst>
              <a:ext uri="{FF2B5EF4-FFF2-40B4-BE49-F238E27FC236}">
                <a16:creationId xmlns:a16="http://schemas.microsoft.com/office/drawing/2014/main" id="{E9F7EE96-3835-0349-9753-1D87D3042F5F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/>
          </a:blip>
          <a:srcRect t="12587" r="7960" b="20519"/>
          <a:stretch>
            <a:fillRect/>
          </a:stretch>
        </p:blipFill>
        <p:spPr>
          <a:xfrm>
            <a:off x="762811" y="9176518"/>
            <a:ext cx="4144524" cy="753049"/>
          </a:xfrm>
          <a:prstGeom prst="rect">
            <a:avLst/>
          </a:prstGeom>
          <a:ln w="12700">
            <a:miter lim="400000"/>
          </a:ln>
        </p:spPr>
      </p:pic>
      <p:pic>
        <p:nvPicPr>
          <p:cNvPr id="156" name="Picture 155">
            <a:extLst>
              <a:ext uri="{FF2B5EF4-FFF2-40B4-BE49-F238E27FC236}">
                <a16:creationId xmlns:a16="http://schemas.microsoft.com/office/drawing/2014/main" id="{E7238BFD-41A5-064B-A150-27A55674A56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3205" y="115390"/>
            <a:ext cx="4109330" cy="845348"/>
          </a:xfrm>
          <a:prstGeom prst="rect">
            <a:avLst/>
          </a:prstGeom>
        </p:spPr>
      </p:pic>
      <p:pic>
        <p:nvPicPr>
          <p:cNvPr id="159" name="Picture 158">
            <a:extLst>
              <a:ext uri="{FF2B5EF4-FFF2-40B4-BE49-F238E27FC236}">
                <a16:creationId xmlns:a16="http://schemas.microsoft.com/office/drawing/2014/main" id="{A423C835-8391-BC49-84D8-E52C26B7F0E7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74195" y="104817"/>
            <a:ext cx="4187108" cy="88646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432D0B-A35C-824D-ACA1-FC43157CDF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Quest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E1FA2DA-B2CC-FF40-A18B-7C39B1A92C4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anchor="ctr"/>
          <a:lstStyle/>
          <a:p>
            <a:r>
              <a:rPr lang="en-US" sz="2800"/>
              <a:t>How does scaled hearing care look like?</a:t>
            </a:r>
          </a:p>
          <a:p>
            <a:r>
              <a:rPr lang="en-US" sz="2800"/>
              <a:t>How do we address inclusive hearing care?</a:t>
            </a:r>
          </a:p>
          <a:p>
            <a:r>
              <a:rPr lang="en-US" sz="2800"/>
              <a:t>How should we innovate a highly regulated industry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F431315-9BD9-1641-A4EF-0AE4592BF78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1396862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 Personalized Hearing Health Care Paradigm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92CC1A6-A464-144A-9CE9-C80686259BC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344" y="1772816"/>
            <a:ext cx="11976100" cy="42037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4421950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ta Driven UX in Hearing Health Care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F9DFD11-7DC9-9C4F-A2AA-1FA5C9D3C0E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06774" y="1556790"/>
            <a:ext cx="6691872" cy="498441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7510890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ntext in Hearing Aid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3</a:t>
            </a:fld>
            <a:endParaRPr lang="da-DK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6C3ABEA-02BD-064C-81E1-ADA2B1ADE29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42878" y="1556792"/>
            <a:ext cx="5715000" cy="4572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0445933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ntext in Hearing Aid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4</a:t>
            </a:fld>
            <a:endParaRPr lang="da-DK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47731B10-BAFD-6547-ACAF-B3F61DB346B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4871" y="2348880"/>
            <a:ext cx="12065000" cy="33909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751780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ntext in Hearing Aid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5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2B2E077-F9C0-994A-9730-1364A00EED1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9572" y="912485"/>
            <a:ext cx="12065000" cy="5080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9901517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7F4E479C-9D73-AF4D-B4CC-569F8CF98A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User Feedback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0ACD28C-9678-E547-B71D-E9A94E79C79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6</a:t>
            </a:fld>
            <a:endParaRPr lang="da-DK" dirty="0"/>
          </a:p>
        </p:txBody>
      </p:sp>
      <p:pic>
        <p:nvPicPr>
          <p:cNvPr id="3" name="image4.png">
            <a:extLst>
              <a:ext uri="{FF2B5EF4-FFF2-40B4-BE49-F238E27FC236}">
                <a16:creationId xmlns:a16="http://schemas.microsoft.com/office/drawing/2014/main" id="{BBA9BCF0-B650-C143-B220-73B692B0F2D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/>
          </a:blip>
          <a:srcRect t="12587" r="7960" b="20519"/>
          <a:stretch>
            <a:fillRect/>
          </a:stretch>
        </p:blipFill>
        <p:spPr>
          <a:xfrm>
            <a:off x="762811" y="9176518"/>
            <a:ext cx="4144524" cy="753049"/>
          </a:xfrm>
          <a:prstGeom prst="rect">
            <a:avLst/>
          </a:prstGeom>
          <a:ln w="12700">
            <a:miter lim="400000"/>
          </a:ln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C6A9F18F-EB7C-EC4D-AF30-E24D5A341C0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77874" y="1617710"/>
            <a:ext cx="8145724" cy="45944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967862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ntext in Hearing Aid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7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D1088A6-3B37-4248-BB6E-17B6C4853CE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77874" y="433731"/>
            <a:ext cx="10244876" cy="577839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0088129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7F4E479C-9D73-AF4D-B4CC-569F8CF98A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User Feedback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0ACD28C-9678-E547-B71D-E9A94E79C79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8</a:t>
            </a:fld>
            <a:endParaRPr lang="da-DK" dirty="0"/>
          </a:p>
        </p:txBody>
      </p:sp>
      <p:pic>
        <p:nvPicPr>
          <p:cNvPr id="3" name="image4.png">
            <a:extLst>
              <a:ext uri="{FF2B5EF4-FFF2-40B4-BE49-F238E27FC236}">
                <a16:creationId xmlns:a16="http://schemas.microsoft.com/office/drawing/2014/main" id="{BBA9BCF0-B650-C143-B220-73B692B0F2D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/>
          </a:blip>
          <a:srcRect t="12587" r="7960" b="20519"/>
          <a:stretch>
            <a:fillRect/>
          </a:stretch>
        </p:blipFill>
        <p:spPr>
          <a:xfrm>
            <a:off x="762811" y="9176518"/>
            <a:ext cx="4144524" cy="753049"/>
          </a:xfrm>
          <a:prstGeom prst="rect">
            <a:avLst/>
          </a:prstGeom>
          <a:ln w="12700">
            <a:miter lim="400000"/>
          </a:ln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9F2A6DD-1F09-1E4C-8771-8035D6CFE30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4726" y="1490292"/>
            <a:ext cx="3132609" cy="4951303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C4C9C113-581D-1D48-95D9-AE9703E6B87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79522" y="1526026"/>
            <a:ext cx="3880180" cy="51735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15345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7F4E479C-9D73-AF4D-B4CC-569F8CF98A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Adaptive Interfaces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0ACD28C-9678-E547-B71D-E9A94E79C79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9</a:t>
            </a:fld>
            <a:endParaRPr lang="da-DK" dirty="0"/>
          </a:p>
        </p:txBody>
      </p:sp>
      <p:pic>
        <p:nvPicPr>
          <p:cNvPr id="3" name="image4.png">
            <a:extLst>
              <a:ext uri="{FF2B5EF4-FFF2-40B4-BE49-F238E27FC236}">
                <a16:creationId xmlns:a16="http://schemas.microsoft.com/office/drawing/2014/main" id="{BBA9BCF0-B650-C143-B220-73B692B0F2D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/>
          </a:blip>
          <a:srcRect t="12587" r="7960" b="20519"/>
          <a:stretch>
            <a:fillRect/>
          </a:stretch>
        </p:blipFill>
        <p:spPr>
          <a:xfrm>
            <a:off x="762811" y="9176518"/>
            <a:ext cx="4144524" cy="753049"/>
          </a:xfrm>
          <a:prstGeom prst="rect">
            <a:avLst/>
          </a:prstGeom>
          <a:ln w="12700">
            <a:miter lim="400000"/>
          </a:ln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751D882-CCE4-1A4B-9A9B-01FB78BE377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34766" y="1988840"/>
            <a:ext cx="8470762" cy="3591024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5F9A2F43-316B-3F48-A6F8-0D865F046BEF}"/>
              </a:ext>
            </a:extLst>
          </p:cNvPr>
          <p:cNvSpPr/>
          <p:nvPr/>
        </p:nvSpPr>
        <p:spPr bwMode="auto">
          <a:xfrm>
            <a:off x="1774726" y="3068960"/>
            <a:ext cx="9001000" cy="2664296"/>
          </a:xfrm>
          <a:prstGeom prst="rect">
            <a:avLst/>
          </a:prstGeom>
          <a:solidFill>
            <a:schemeClr val="bg1">
              <a:alpha val="6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1928226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4" name="Title 53">
            <a:extLst>
              <a:ext uri="{FF2B5EF4-FFF2-40B4-BE49-F238E27FC236}">
                <a16:creationId xmlns:a16="http://schemas.microsoft.com/office/drawing/2014/main" id="{185569EC-FA7B-9247-B5C3-2E56D2DA72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Table of Content</a:t>
            </a:r>
          </a:p>
        </p:txBody>
      </p:sp>
      <p:sp>
        <p:nvSpPr>
          <p:cNvPr id="55" name="Content Placeholder 54">
            <a:extLst>
              <a:ext uri="{FF2B5EF4-FFF2-40B4-BE49-F238E27FC236}">
                <a16:creationId xmlns:a16="http://schemas.microsoft.com/office/drawing/2014/main" id="{83504BA8-CA70-194F-8457-4ED4E690FC6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/>
              <a:t>Motivation</a:t>
            </a:r>
          </a:p>
          <a:p>
            <a:r>
              <a:rPr lang="en-US"/>
              <a:t>Current Fitting Paradigm</a:t>
            </a:r>
          </a:p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1D4E3C-3555-8B4A-92D8-911CC8068F6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grpSp>
        <p:nvGrpSpPr>
          <p:cNvPr id="5" name="Group 108">
            <a:extLst>
              <a:ext uri="{FF2B5EF4-FFF2-40B4-BE49-F238E27FC236}">
                <a16:creationId xmlns:a16="http://schemas.microsoft.com/office/drawing/2014/main" id="{05A0E5E5-A9C8-9B45-ADD0-8D80AEA24C5E}"/>
              </a:ext>
            </a:extLst>
          </p:cNvPr>
          <p:cNvGrpSpPr/>
          <p:nvPr/>
        </p:nvGrpSpPr>
        <p:grpSpPr>
          <a:xfrm>
            <a:off x="8554888" y="8719173"/>
            <a:ext cx="4144300" cy="753166"/>
            <a:chOff x="0" y="0"/>
            <a:chExt cx="4144298" cy="753165"/>
          </a:xfrm>
        </p:grpSpPr>
        <p:sp>
          <p:nvSpPr>
            <p:cNvPr id="6" name="Shape 62">
              <a:extLst>
                <a:ext uri="{FF2B5EF4-FFF2-40B4-BE49-F238E27FC236}">
                  <a16:creationId xmlns:a16="http://schemas.microsoft.com/office/drawing/2014/main" id="{BDD8C6D1-C49F-6E49-AA7B-B5C7FD4C9F7C}"/>
                </a:ext>
              </a:extLst>
            </p:cNvPr>
            <p:cNvSpPr/>
            <p:nvPr/>
          </p:nvSpPr>
          <p:spPr>
            <a:xfrm>
              <a:off x="3471015" y="631440"/>
              <a:ext cx="110313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14" y="21600"/>
                  </a:moveTo>
                  <a:cubicBezTo>
                    <a:pt x="10714" y="21600"/>
                    <a:pt x="9504" y="21600"/>
                    <a:pt x="9504" y="21600"/>
                  </a:cubicBezTo>
                  <a:cubicBezTo>
                    <a:pt x="397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74" y="0"/>
                    <a:pt x="9504" y="0"/>
                  </a:cubicBezTo>
                  <a:cubicBezTo>
                    <a:pt x="9504" y="0"/>
                    <a:pt x="10714" y="0"/>
                    <a:pt x="10714" y="0"/>
                  </a:cubicBezTo>
                  <a:lnTo>
                    <a:pt x="11923" y="0"/>
                  </a:lnTo>
                  <a:cubicBezTo>
                    <a:pt x="17539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39" y="21520"/>
                    <a:pt x="11923" y="21600"/>
                  </a:cubicBezTo>
                  <a:cubicBezTo>
                    <a:pt x="11923" y="21600"/>
                    <a:pt x="10800" y="21600"/>
                    <a:pt x="10714" y="21600"/>
                  </a:cubicBezTo>
                  <a:close/>
                  <a:moveTo>
                    <a:pt x="18749" y="8927"/>
                  </a:moveTo>
                  <a:cubicBezTo>
                    <a:pt x="18749" y="3906"/>
                    <a:pt x="15379" y="2311"/>
                    <a:pt x="11923" y="2311"/>
                  </a:cubicBezTo>
                  <a:cubicBezTo>
                    <a:pt x="11923" y="2311"/>
                    <a:pt x="10800" y="2311"/>
                    <a:pt x="10714" y="2311"/>
                  </a:cubicBezTo>
                  <a:cubicBezTo>
                    <a:pt x="10714" y="2311"/>
                    <a:pt x="9504" y="2311"/>
                    <a:pt x="9504" y="2311"/>
                  </a:cubicBezTo>
                  <a:cubicBezTo>
                    <a:pt x="6134" y="2311"/>
                    <a:pt x="2851" y="3906"/>
                    <a:pt x="2851" y="8927"/>
                  </a:cubicBezTo>
                  <a:lnTo>
                    <a:pt x="2851" y="12593"/>
                  </a:lnTo>
                  <a:cubicBezTo>
                    <a:pt x="2851" y="17615"/>
                    <a:pt x="6134" y="19209"/>
                    <a:pt x="9504" y="19289"/>
                  </a:cubicBezTo>
                  <a:cubicBezTo>
                    <a:pt x="9504" y="19289"/>
                    <a:pt x="10714" y="19289"/>
                    <a:pt x="10714" y="19289"/>
                  </a:cubicBezTo>
                  <a:cubicBezTo>
                    <a:pt x="10800" y="19289"/>
                    <a:pt x="11923" y="19289"/>
                    <a:pt x="11923" y="19289"/>
                  </a:cubicBezTo>
                  <a:cubicBezTo>
                    <a:pt x="15379" y="19209"/>
                    <a:pt x="18749" y="17615"/>
                    <a:pt x="18749" y="12593"/>
                  </a:cubicBezTo>
                  <a:lnTo>
                    <a:pt x="18749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7" name="Shape 63">
              <a:extLst>
                <a:ext uri="{FF2B5EF4-FFF2-40B4-BE49-F238E27FC236}">
                  <a16:creationId xmlns:a16="http://schemas.microsoft.com/office/drawing/2014/main" id="{839DF8DB-FF9E-DF49-845E-592065485E3F}"/>
                </a:ext>
              </a:extLst>
            </p:cNvPr>
            <p:cNvSpPr/>
            <p:nvPr/>
          </p:nvSpPr>
          <p:spPr>
            <a:xfrm>
              <a:off x="3893242" y="631440"/>
              <a:ext cx="108412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57" y="21600"/>
                  </a:moveTo>
                  <a:cubicBezTo>
                    <a:pt x="10670" y="21600"/>
                    <a:pt x="9542" y="21600"/>
                    <a:pt x="9455" y="21600"/>
                  </a:cubicBezTo>
                  <a:cubicBezTo>
                    <a:pt x="390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04" y="0"/>
                    <a:pt x="9455" y="0"/>
                  </a:cubicBezTo>
                  <a:cubicBezTo>
                    <a:pt x="9542" y="0"/>
                    <a:pt x="10670" y="0"/>
                    <a:pt x="10757" y="0"/>
                  </a:cubicBezTo>
                  <a:lnTo>
                    <a:pt x="11971" y="0"/>
                  </a:lnTo>
                  <a:cubicBezTo>
                    <a:pt x="17523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23" y="21520"/>
                    <a:pt x="11971" y="21600"/>
                  </a:cubicBezTo>
                  <a:cubicBezTo>
                    <a:pt x="11884" y="21600"/>
                    <a:pt x="10757" y="21600"/>
                    <a:pt x="10757" y="21600"/>
                  </a:cubicBezTo>
                  <a:close/>
                  <a:moveTo>
                    <a:pt x="18737" y="8927"/>
                  </a:moveTo>
                  <a:cubicBezTo>
                    <a:pt x="18737" y="3906"/>
                    <a:pt x="15354" y="2311"/>
                    <a:pt x="11971" y="2311"/>
                  </a:cubicBezTo>
                  <a:cubicBezTo>
                    <a:pt x="11884" y="2311"/>
                    <a:pt x="10757" y="2311"/>
                    <a:pt x="10757" y="2311"/>
                  </a:cubicBezTo>
                  <a:cubicBezTo>
                    <a:pt x="10670" y="2311"/>
                    <a:pt x="9542" y="2311"/>
                    <a:pt x="9455" y="2311"/>
                  </a:cubicBezTo>
                  <a:cubicBezTo>
                    <a:pt x="6072" y="2311"/>
                    <a:pt x="2863" y="3906"/>
                    <a:pt x="2863" y="8927"/>
                  </a:cubicBezTo>
                  <a:lnTo>
                    <a:pt x="2863" y="12593"/>
                  </a:lnTo>
                  <a:cubicBezTo>
                    <a:pt x="2863" y="17615"/>
                    <a:pt x="6072" y="19209"/>
                    <a:pt x="9455" y="19289"/>
                  </a:cubicBezTo>
                  <a:cubicBezTo>
                    <a:pt x="9542" y="19289"/>
                    <a:pt x="10670" y="19289"/>
                    <a:pt x="10757" y="19289"/>
                  </a:cubicBezTo>
                  <a:cubicBezTo>
                    <a:pt x="10757" y="19289"/>
                    <a:pt x="11884" y="19289"/>
                    <a:pt x="11971" y="19289"/>
                  </a:cubicBezTo>
                  <a:cubicBezTo>
                    <a:pt x="15354" y="19209"/>
                    <a:pt x="18737" y="17615"/>
                    <a:pt x="18737" y="12593"/>
                  </a:cubicBezTo>
                  <a:lnTo>
                    <a:pt x="18737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8" name="Shape 64">
              <a:extLst>
                <a:ext uri="{FF2B5EF4-FFF2-40B4-BE49-F238E27FC236}">
                  <a16:creationId xmlns:a16="http://schemas.microsoft.com/office/drawing/2014/main" id="{2030BE1B-1CD4-D64E-98D8-9F4994AD22C9}"/>
                </a:ext>
              </a:extLst>
            </p:cNvPr>
            <p:cNvSpPr/>
            <p:nvPr/>
          </p:nvSpPr>
          <p:spPr>
            <a:xfrm>
              <a:off x="3170511" y="631440"/>
              <a:ext cx="108411" cy="12172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14" y="21600"/>
                  </a:moveTo>
                  <a:cubicBezTo>
                    <a:pt x="10714" y="21600"/>
                    <a:pt x="9504" y="21600"/>
                    <a:pt x="9504" y="21600"/>
                  </a:cubicBezTo>
                  <a:cubicBezTo>
                    <a:pt x="397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74" y="0"/>
                    <a:pt x="9504" y="0"/>
                  </a:cubicBezTo>
                  <a:cubicBezTo>
                    <a:pt x="9504" y="0"/>
                    <a:pt x="10714" y="0"/>
                    <a:pt x="10714" y="0"/>
                  </a:cubicBezTo>
                  <a:lnTo>
                    <a:pt x="11923" y="0"/>
                  </a:lnTo>
                  <a:cubicBezTo>
                    <a:pt x="17539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39" y="21520"/>
                    <a:pt x="11923" y="21600"/>
                  </a:cubicBezTo>
                  <a:cubicBezTo>
                    <a:pt x="11923" y="21600"/>
                    <a:pt x="10800" y="21600"/>
                    <a:pt x="10714" y="21600"/>
                  </a:cubicBezTo>
                  <a:close/>
                  <a:moveTo>
                    <a:pt x="18749" y="8927"/>
                  </a:moveTo>
                  <a:cubicBezTo>
                    <a:pt x="18749" y="3906"/>
                    <a:pt x="15379" y="2311"/>
                    <a:pt x="11923" y="2311"/>
                  </a:cubicBezTo>
                  <a:cubicBezTo>
                    <a:pt x="11923" y="2311"/>
                    <a:pt x="10800" y="2311"/>
                    <a:pt x="10714" y="2311"/>
                  </a:cubicBezTo>
                  <a:cubicBezTo>
                    <a:pt x="10714" y="2311"/>
                    <a:pt x="9504" y="2311"/>
                    <a:pt x="9504" y="2311"/>
                  </a:cubicBezTo>
                  <a:cubicBezTo>
                    <a:pt x="6134" y="2311"/>
                    <a:pt x="2851" y="3906"/>
                    <a:pt x="2851" y="8927"/>
                  </a:cubicBezTo>
                  <a:lnTo>
                    <a:pt x="2851" y="12593"/>
                  </a:lnTo>
                  <a:cubicBezTo>
                    <a:pt x="2851" y="17615"/>
                    <a:pt x="6134" y="19209"/>
                    <a:pt x="9504" y="19289"/>
                  </a:cubicBezTo>
                  <a:cubicBezTo>
                    <a:pt x="9590" y="19289"/>
                    <a:pt x="10714" y="19289"/>
                    <a:pt x="10714" y="19289"/>
                  </a:cubicBezTo>
                  <a:cubicBezTo>
                    <a:pt x="10800" y="19289"/>
                    <a:pt x="11923" y="19289"/>
                    <a:pt x="11923" y="19289"/>
                  </a:cubicBezTo>
                  <a:cubicBezTo>
                    <a:pt x="15379" y="19209"/>
                    <a:pt x="18749" y="17615"/>
                    <a:pt x="18749" y="12593"/>
                  </a:cubicBezTo>
                  <a:lnTo>
                    <a:pt x="18749" y="892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9" name="Shape 65">
              <a:extLst>
                <a:ext uri="{FF2B5EF4-FFF2-40B4-BE49-F238E27FC236}">
                  <a16:creationId xmlns:a16="http://schemas.microsoft.com/office/drawing/2014/main" id="{EE7E832A-C4A0-6147-BF3F-58EACB1456B6}"/>
                </a:ext>
              </a:extLst>
            </p:cNvPr>
            <p:cNvSpPr/>
            <p:nvPr/>
          </p:nvSpPr>
          <p:spPr>
            <a:xfrm>
              <a:off x="2634168" y="633342"/>
              <a:ext cx="9700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3114" y="13191"/>
                  </a:moveTo>
                  <a:lnTo>
                    <a:pt x="3114" y="21600"/>
                  </a:lnTo>
                  <a:lnTo>
                    <a:pt x="0" y="21600"/>
                  </a:lnTo>
                  <a:lnTo>
                    <a:pt x="0" y="0"/>
                  </a:lnTo>
                  <a:cubicBezTo>
                    <a:pt x="1654" y="0"/>
                    <a:pt x="8270" y="0"/>
                    <a:pt x="9827" y="0"/>
                  </a:cubicBezTo>
                  <a:cubicBezTo>
                    <a:pt x="16249" y="0"/>
                    <a:pt x="21503" y="247"/>
                    <a:pt x="21600" y="6760"/>
                  </a:cubicBezTo>
                  <a:cubicBezTo>
                    <a:pt x="21600" y="13108"/>
                    <a:pt x="15470" y="13191"/>
                    <a:pt x="8270" y="13191"/>
                  </a:cubicBezTo>
                  <a:lnTo>
                    <a:pt x="3114" y="13191"/>
                  </a:lnTo>
                  <a:close/>
                  <a:moveTo>
                    <a:pt x="9827" y="2391"/>
                  </a:moveTo>
                  <a:lnTo>
                    <a:pt x="3114" y="2391"/>
                  </a:lnTo>
                  <a:lnTo>
                    <a:pt x="3114" y="10800"/>
                  </a:lnTo>
                  <a:lnTo>
                    <a:pt x="9146" y="10800"/>
                  </a:lnTo>
                  <a:cubicBezTo>
                    <a:pt x="15276" y="10800"/>
                    <a:pt x="18389" y="10718"/>
                    <a:pt x="18389" y="6760"/>
                  </a:cubicBezTo>
                  <a:cubicBezTo>
                    <a:pt x="18389" y="2473"/>
                    <a:pt x="15470" y="2391"/>
                    <a:pt x="9827" y="2391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0" name="Shape 66">
              <a:extLst>
                <a:ext uri="{FF2B5EF4-FFF2-40B4-BE49-F238E27FC236}">
                  <a16:creationId xmlns:a16="http://schemas.microsoft.com/office/drawing/2014/main" id="{8FF90310-0CCD-2741-938C-38208CB468BA}"/>
                </a:ext>
              </a:extLst>
            </p:cNvPr>
            <p:cNvSpPr/>
            <p:nvPr/>
          </p:nvSpPr>
          <p:spPr>
            <a:xfrm>
              <a:off x="2987926" y="633342"/>
              <a:ext cx="10651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0"/>
                  </a:moveTo>
                  <a:lnTo>
                    <a:pt x="21600" y="2391"/>
                  </a:lnTo>
                  <a:lnTo>
                    <a:pt x="12228" y="2391"/>
                  </a:lnTo>
                  <a:lnTo>
                    <a:pt x="12228" y="21600"/>
                  </a:lnTo>
                  <a:lnTo>
                    <a:pt x="9372" y="21600"/>
                  </a:lnTo>
                  <a:lnTo>
                    <a:pt x="9372" y="2391"/>
                  </a:lnTo>
                  <a:lnTo>
                    <a:pt x="0" y="2391"/>
                  </a:lnTo>
                  <a:lnTo>
                    <a:pt x="0" y="0"/>
                  </a:lnTo>
                  <a:lnTo>
                    <a:pt x="21600" y="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1" name="Shape 67">
              <a:extLst>
                <a:ext uri="{FF2B5EF4-FFF2-40B4-BE49-F238E27FC236}">
                  <a16:creationId xmlns:a16="http://schemas.microsoft.com/office/drawing/2014/main" id="{3833F603-4C57-714E-B278-DC09067CD98D}"/>
                </a:ext>
              </a:extLst>
            </p:cNvPr>
            <p:cNvSpPr/>
            <p:nvPr/>
          </p:nvSpPr>
          <p:spPr>
            <a:xfrm>
              <a:off x="3594640" y="633342"/>
              <a:ext cx="104608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0"/>
                  </a:moveTo>
                  <a:lnTo>
                    <a:pt x="21600" y="2391"/>
                  </a:lnTo>
                  <a:lnTo>
                    <a:pt x="12228" y="2391"/>
                  </a:lnTo>
                  <a:lnTo>
                    <a:pt x="12228" y="21600"/>
                  </a:lnTo>
                  <a:lnTo>
                    <a:pt x="9283" y="21600"/>
                  </a:lnTo>
                  <a:lnTo>
                    <a:pt x="9283" y="2391"/>
                  </a:lnTo>
                  <a:lnTo>
                    <a:pt x="0" y="2391"/>
                  </a:lnTo>
                  <a:lnTo>
                    <a:pt x="0" y="0"/>
                  </a:lnTo>
                  <a:lnTo>
                    <a:pt x="21600" y="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2" name="Shape 68">
              <a:extLst>
                <a:ext uri="{FF2B5EF4-FFF2-40B4-BE49-F238E27FC236}">
                  <a16:creationId xmlns:a16="http://schemas.microsoft.com/office/drawing/2014/main" id="{338D14D6-F3C3-2847-A4D6-6A4A12E7786E}"/>
                </a:ext>
              </a:extLst>
            </p:cNvPr>
            <p:cNvSpPr/>
            <p:nvPr/>
          </p:nvSpPr>
          <p:spPr>
            <a:xfrm>
              <a:off x="3732529" y="633342"/>
              <a:ext cx="15218" cy="117921"/>
            </a:xfrm>
            <a:prstGeom prst="rect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3" name="Shape 69">
              <a:extLst>
                <a:ext uri="{FF2B5EF4-FFF2-40B4-BE49-F238E27FC236}">
                  <a16:creationId xmlns:a16="http://schemas.microsoft.com/office/drawing/2014/main" id="{FF00A4D8-47C9-6747-87B6-50BE9DE657B9}"/>
                </a:ext>
              </a:extLst>
            </p:cNvPr>
            <p:cNvSpPr/>
            <p:nvPr/>
          </p:nvSpPr>
          <p:spPr>
            <a:xfrm>
              <a:off x="3309351" y="633342"/>
              <a:ext cx="87491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3529" y="2391"/>
                  </a:moveTo>
                  <a:lnTo>
                    <a:pt x="3529" y="9151"/>
                  </a:lnTo>
                  <a:lnTo>
                    <a:pt x="20745" y="9151"/>
                  </a:lnTo>
                  <a:lnTo>
                    <a:pt x="20745" y="11624"/>
                  </a:lnTo>
                  <a:lnTo>
                    <a:pt x="3529" y="11624"/>
                  </a:lnTo>
                  <a:lnTo>
                    <a:pt x="3529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21600" y="0"/>
                  </a:lnTo>
                  <a:lnTo>
                    <a:pt x="21600" y="2391"/>
                  </a:lnTo>
                  <a:lnTo>
                    <a:pt x="3529" y="2391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4" name="Shape 70">
              <a:extLst>
                <a:ext uri="{FF2B5EF4-FFF2-40B4-BE49-F238E27FC236}">
                  <a16:creationId xmlns:a16="http://schemas.microsoft.com/office/drawing/2014/main" id="{628DEA13-3D0C-AC47-924B-299D0E7160DD}"/>
                </a:ext>
              </a:extLst>
            </p:cNvPr>
            <p:cNvSpPr/>
            <p:nvPr/>
          </p:nvSpPr>
          <p:spPr>
            <a:xfrm>
              <a:off x="4032083" y="633342"/>
              <a:ext cx="106510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8955" y="18797"/>
                  </a:moveTo>
                  <a:lnTo>
                    <a:pt x="19043" y="18797"/>
                  </a:lnTo>
                  <a:cubicBezTo>
                    <a:pt x="18955" y="17066"/>
                    <a:pt x="18867" y="15334"/>
                    <a:pt x="18867" y="14015"/>
                  </a:cubicBezTo>
                  <a:lnTo>
                    <a:pt x="18867" y="0"/>
                  </a:lnTo>
                  <a:lnTo>
                    <a:pt x="21600" y="0"/>
                  </a:lnTo>
                  <a:lnTo>
                    <a:pt x="21600" y="21600"/>
                  </a:lnTo>
                  <a:lnTo>
                    <a:pt x="17544" y="21600"/>
                  </a:lnTo>
                  <a:lnTo>
                    <a:pt x="2557" y="2473"/>
                  </a:lnTo>
                  <a:cubicBezTo>
                    <a:pt x="2645" y="3875"/>
                    <a:pt x="2645" y="5441"/>
                    <a:pt x="2645" y="6925"/>
                  </a:cubicBezTo>
                  <a:lnTo>
                    <a:pt x="2645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4144" y="0"/>
                  </a:lnTo>
                  <a:lnTo>
                    <a:pt x="18955" y="1879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5" name="Shape 71">
              <a:extLst>
                <a:ext uri="{FF2B5EF4-FFF2-40B4-BE49-F238E27FC236}">
                  <a16:creationId xmlns:a16="http://schemas.microsoft.com/office/drawing/2014/main" id="{7AEDF987-5E7F-A346-A808-7FD2F735F677}"/>
                </a:ext>
              </a:extLst>
            </p:cNvPr>
            <p:cNvSpPr/>
            <p:nvPr/>
          </p:nvSpPr>
          <p:spPr>
            <a:xfrm>
              <a:off x="2733068" y="633342"/>
              <a:ext cx="121725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800" y="14510"/>
                  </a:moveTo>
                  <a:lnTo>
                    <a:pt x="5246" y="14510"/>
                  </a:lnTo>
                  <a:lnTo>
                    <a:pt x="2469" y="21600"/>
                  </a:lnTo>
                  <a:lnTo>
                    <a:pt x="0" y="21600"/>
                  </a:lnTo>
                  <a:lnTo>
                    <a:pt x="8563" y="0"/>
                  </a:lnTo>
                  <a:lnTo>
                    <a:pt x="13037" y="0"/>
                  </a:lnTo>
                  <a:lnTo>
                    <a:pt x="21600" y="21600"/>
                  </a:lnTo>
                  <a:lnTo>
                    <a:pt x="19054" y="21600"/>
                  </a:lnTo>
                  <a:lnTo>
                    <a:pt x="16354" y="14510"/>
                  </a:lnTo>
                  <a:lnTo>
                    <a:pt x="10800" y="14510"/>
                  </a:lnTo>
                  <a:close/>
                  <a:moveTo>
                    <a:pt x="15429" y="12037"/>
                  </a:moveTo>
                  <a:lnTo>
                    <a:pt x="12806" y="5771"/>
                  </a:lnTo>
                  <a:cubicBezTo>
                    <a:pt x="12343" y="4617"/>
                    <a:pt x="11957" y="3545"/>
                    <a:pt x="11571" y="2226"/>
                  </a:cubicBezTo>
                  <a:lnTo>
                    <a:pt x="9951" y="2226"/>
                  </a:lnTo>
                  <a:cubicBezTo>
                    <a:pt x="9643" y="3545"/>
                    <a:pt x="9257" y="4617"/>
                    <a:pt x="8794" y="5771"/>
                  </a:cubicBezTo>
                  <a:lnTo>
                    <a:pt x="6171" y="12037"/>
                  </a:lnTo>
                  <a:lnTo>
                    <a:pt x="15429" y="12037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6" name="Shape 72">
              <a:extLst>
                <a:ext uri="{FF2B5EF4-FFF2-40B4-BE49-F238E27FC236}">
                  <a16:creationId xmlns:a16="http://schemas.microsoft.com/office/drawing/2014/main" id="{95FE8A00-A075-DB43-B0DF-833E676E8427}"/>
                </a:ext>
              </a:extLst>
            </p:cNvPr>
            <p:cNvSpPr/>
            <p:nvPr/>
          </p:nvSpPr>
          <p:spPr>
            <a:xfrm>
              <a:off x="3784833" y="631440"/>
              <a:ext cx="83687" cy="11982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2712" y="21600"/>
                  </a:moveTo>
                  <a:cubicBezTo>
                    <a:pt x="6862" y="21600"/>
                    <a:pt x="0" y="19846"/>
                    <a:pt x="0" y="12514"/>
                  </a:cubicBezTo>
                  <a:lnTo>
                    <a:pt x="0" y="9086"/>
                  </a:lnTo>
                  <a:cubicBezTo>
                    <a:pt x="0" y="1754"/>
                    <a:pt x="6862" y="0"/>
                    <a:pt x="12712" y="0"/>
                  </a:cubicBezTo>
                  <a:cubicBezTo>
                    <a:pt x="16200" y="0"/>
                    <a:pt x="20025" y="399"/>
                    <a:pt x="21600" y="478"/>
                  </a:cubicBezTo>
                  <a:lnTo>
                    <a:pt x="21600" y="2630"/>
                  </a:lnTo>
                  <a:cubicBezTo>
                    <a:pt x="19237" y="2471"/>
                    <a:pt x="15525" y="2311"/>
                    <a:pt x="12712" y="2311"/>
                  </a:cubicBezTo>
                  <a:cubicBezTo>
                    <a:pt x="7312" y="2311"/>
                    <a:pt x="3600" y="3906"/>
                    <a:pt x="3600" y="9086"/>
                  </a:cubicBezTo>
                  <a:lnTo>
                    <a:pt x="3600" y="12514"/>
                  </a:lnTo>
                  <a:cubicBezTo>
                    <a:pt x="3600" y="17694"/>
                    <a:pt x="7312" y="19289"/>
                    <a:pt x="12712" y="19289"/>
                  </a:cubicBezTo>
                  <a:cubicBezTo>
                    <a:pt x="15525" y="19289"/>
                    <a:pt x="19237" y="19129"/>
                    <a:pt x="21600" y="19049"/>
                  </a:cubicBezTo>
                  <a:lnTo>
                    <a:pt x="21600" y="21122"/>
                  </a:lnTo>
                  <a:cubicBezTo>
                    <a:pt x="20025" y="21281"/>
                    <a:pt x="16200" y="21600"/>
                    <a:pt x="12712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7" name="Shape 73">
              <a:extLst>
                <a:ext uri="{FF2B5EF4-FFF2-40B4-BE49-F238E27FC236}">
                  <a16:creationId xmlns:a16="http://schemas.microsoft.com/office/drawing/2014/main" id="{472DF4D0-BAC4-3A49-809E-9518BB2EE9BF}"/>
                </a:ext>
              </a:extLst>
            </p:cNvPr>
            <p:cNvSpPr/>
            <p:nvPr/>
          </p:nvSpPr>
          <p:spPr>
            <a:xfrm>
              <a:off x="2873810" y="633342"/>
              <a:ext cx="102706" cy="11792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21600"/>
                  </a:moveTo>
                  <a:lnTo>
                    <a:pt x="15559" y="12614"/>
                  </a:lnTo>
                  <a:cubicBezTo>
                    <a:pt x="18488" y="11954"/>
                    <a:pt x="20319" y="10388"/>
                    <a:pt x="20319" y="6760"/>
                  </a:cubicBezTo>
                  <a:cubicBezTo>
                    <a:pt x="20319" y="247"/>
                    <a:pt x="15285" y="0"/>
                    <a:pt x="9244" y="0"/>
                  </a:cubicBezTo>
                  <a:cubicBezTo>
                    <a:pt x="7780" y="0"/>
                    <a:pt x="1556" y="0"/>
                    <a:pt x="0" y="0"/>
                  </a:cubicBezTo>
                  <a:lnTo>
                    <a:pt x="0" y="21600"/>
                  </a:lnTo>
                  <a:lnTo>
                    <a:pt x="2929" y="21600"/>
                  </a:lnTo>
                  <a:lnTo>
                    <a:pt x="2929" y="13191"/>
                  </a:lnTo>
                  <a:lnTo>
                    <a:pt x="7780" y="13191"/>
                  </a:lnTo>
                  <a:cubicBezTo>
                    <a:pt x="9519" y="13191"/>
                    <a:pt x="11166" y="13191"/>
                    <a:pt x="12631" y="13108"/>
                  </a:cubicBezTo>
                  <a:lnTo>
                    <a:pt x="18305" y="21600"/>
                  </a:lnTo>
                  <a:lnTo>
                    <a:pt x="21600" y="21600"/>
                  </a:lnTo>
                  <a:close/>
                  <a:moveTo>
                    <a:pt x="2929" y="10800"/>
                  </a:moveTo>
                  <a:lnTo>
                    <a:pt x="2929" y="2391"/>
                  </a:lnTo>
                  <a:lnTo>
                    <a:pt x="9244" y="2391"/>
                  </a:lnTo>
                  <a:cubicBezTo>
                    <a:pt x="14553" y="2391"/>
                    <a:pt x="17298" y="2473"/>
                    <a:pt x="17298" y="6760"/>
                  </a:cubicBezTo>
                  <a:cubicBezTo>
                    <a:pt x="17298" y="10718"/>
                    <a:pt x="14369" y="10800"/>
                    <a:pt x="8603" y="10800"/>
                  </a:cubicBezTo>
                  <a:lnTo>
                    <a:pt x="2929" y="108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8" name="Shape 74">
              <a:extLst>
                <a:ext uri="{FF2B5EF4-FFF2-40B4-BE49-F238E27FC236}">
                  <a16:creationId xmlns:a16="http://schemas.microsoft.com/office/drawing/2014/main" id="{7617F650-5735-0C40-A810-1F6B476E360B}"/>
                </a:ext>
              </a:extLst>
            </p:cNvPr>
            <p:cNvSpPr/>
            <p:nvPr/>
          </p:nvSpPr>
          <p:spPr>
            <a:xfrm>
              <a:off x="684693" y="325229"/>
              <a:ext cx="136941" cy="21872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21600"/>
                  </a:moveTo>
                  <a:lnTo>
                    <a:pt x="0" y="0"/>
                  </a:lnTo>
                  <a:lnTo>
                    <a:pt x="21600" y="0"/>
                  </a:lnTo>
                  <a:lnTo>
                    <a:pt x="21600" y="3330"/>
                  </a:lnTo>
                  <a:lnTo>
                    <a:pt x="6349" y="3330"/>
                  </a:lnTo>
                  <a:lnTo>
                    <a:pt x="6349" y="8850"/>
                  </a:lnTo>
                  <a:lnTo>
                    <a:pt x="20634" y="8850"/>
                  </a:lnTo>
                  <a:lnTo>
                    <a:pt x="20634" y="12092"/>
                  </a:lnTo>
                  <a:lnTo>
                    <a:pt x="6349" y="12092"/>
                  </a:lnTo>
                  <a:lnTo>
                    <a:pt x="6349" y="18226"/>
                  </a:lnTo>
                  <a:lnTo>
                    <a:pt x="21600" y="18226"/>
                  </a:lnTo>
                  <a:lnTo>
                    <a:pt x="21600" y="21600"/>
                  </a:lnTo>
                  <a:lnTo>
                    <a:pt x="0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19" name="Shape 75">
              <a:extLst>
                <a:ext uri="{FF2B5EF4-FFF2-40B4-BE49-F238E27FC236}">
                  <a16:creationId xmlns:a16="http://schemas.microsoft.com/office/drawing/2014/main" id="{B5C25B99-CD2E-234A-8438-55929AA91945}"/>
                </a:ext>
              </a:extLst>
            </p:cNvPr>
            <p:cNvSpPr/>
            <p:nvPr/>
          </p:nvSpPr>
          <p:spPr>
            <a:xfrm>
              <a:off x="859670" y="374679"/>
              <a:ext cx="91295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8949" y="5809"/>
                  </a:moveTo>
                  <a:lnTo>
                    <a:pt x="8949" y="21600"/>
                  </a:lnTo>
                  <a:lnTo>
                    <a:pt x="0" y="21600"/>
                  </a:lnTo>
                  <a:lnTo>
                    <a:pt x="0" y="508"/>
                  </a:lnTo>
                  <a:lnTo>
                    <a:pt x="8537" y="508"/>
                  </a:lnTo>
                  <a:lnTo>
                    <a:pt x="8537" y="2199"/>
                  </a:lnTo>
                  <a:cubicBezTo>
                    <a:pt x="12137" y="451"/>
                    <a:pt x="16869" y="0"/>
                    <a:pt x="21600" y="0"/>
                  </a:cubicBezTo>
                  <a:lnTo>
                    <a:pt x="21600" y="4512"/>
                  </a:lnTo>
                  <a:cubicBezTo>
                    <a:pt x="16971" y="4512"/>
                    <a:pt x="11829" y="5019"/>
                    <a:pt x="8949" y="5809"/>
                  </a:cubicBez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0" name="Shape 76">
              <a:extLst>
                <a:ext uri="{FF2B5EF4-FFF2-40B4-BE49-F238E27FC236}">
                  <a16:creationId xmlns:a16="http://schemas.microsoft.com/office/drawing/2014/main" id="{7438EDD8-50E7-774A-A8EC-8B52354CA247}"/>
                </a:ext>
              </a:extLst>
            </p:cNvPr>
            <p:cNvSpPr/>
            <p:nvPr/>
          </p:nvSpPr>
          <p:spPr>
            <a:xfrm>
              <a:off x="977590" y="315719"/>
              <a:ext cx="39942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21600" y="0"/>
                  </a:lnTo>
                  <a:lnTo>
                    <a:pt x="21600" y="3516"/>
                  </a:lnTo>
                  <a:lnTo>
                    <a:pt x="0" y="3516"/>
                  </a:lnTo>
                  <a:lnTo>
                    <a:pt x="0" y="0"/>
                  </a:lnTo>
                  <a:close/>
                  <a:moveTo>
                    <a:pt x="240" y="5944"/>
                  </a:moveTo>
                  <a:lnTo>
                    <a:pt x="21360" y="5944"/>
                  </a:lnTo>
                  <a:lnTo>
                    <a:pt x="21360" y="21600"/>
                  </a:lnTo>
                  <a:lnTo>
                    <a:pt x="240" y="21600"/>
                  </a:lnTo>
                  <a:lnTo>
                    <a:pt x="240" y="5944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1" name="Shape 77">
              <a:extLst>
                <a:ext uri="{FF2B5EF4-FFF2-40B4-BE49-F238E27FC236}">
                  <a16:creationId xmlns:a16="http://schemas.microsoft.com/office/drawing/2014/main" id="{44B0F9A1-2DE1-9241-A1EB-8244E127358D}"/>
                </a:ext>
              </a:extLst>
            </p:cNvPr>
            <p:cNvSpPr/>
            <p:nvPr/>
          </p:nvSpPr>
          <p:spPr>
            <a:xfrm>
              <a:off x="1061274" y="315719"/>
              <a:ext cx="140745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4600" y="21600"/>
                  </a:moveTo>
                  <a:lnTo>
                    <a:pt x="5800" y="14149"/>
                  </a:lnTo>
                  <a:lnTo>
                    <a:pt x="5800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5800" y="0"/>
                  </a:lnTo>
                  <a:lnTo>
                    <a:pt x="5800" y="12935"/>
                  </a:lnTo>
                  <a:lnTo>
                    <a:pt x="14600" y="5944"/>
                  </a:lnTo>
                  <a:lnTo>
                    <a:pt x="21333" y="5944"/>
                  </a:lnTo>
                  <a:lnTo>
                    <a:pt x="11667" y="13437"/>
                  </a:lnTo>
                  <a:lnTo>
                    <a:pt x="21600" y="21600"/>
                  </a:lnTo>
                  <a:lnTo>
                    <a:pt x="14600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2" name="Shape 78">
              <a:extLst>
                <a:ext uri="{FF2B5EF4-FFF2-40B4-BE49-F238E27FC236}">
                  <a16:creationId xmlns:a16="http://schemas.microsoft.com/office/drawing/2014/main" id="{1BA45241-DB6E-1D48-9E0D-A00949D0C753}"/>
                </a:ext>
              </a:extLst>
            </p:cNvPr>
            <p:cNvSpPr/>
            <p:nvPr/>
          </p:nvSpPr>
          <p:spPr>
            <a:xfrm>
              <a:off x="1217232" y="374680"/>
              <a:ext cx="123628" cy="173077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115" y="21600"/>
                  </a:moveTo>
                  <a:cubicBezTo>
                    <a:pt x="6161" y="21600"/>
                    <a:pt x="1673" y="21104"/>
                    <a:pt x="380" y="20773"/>
                  </a:cubicBezTo>
                  <a:lnTo>
                    <a:pt x="380" y="17357"/>
                  </a:lnTo>
                  <a:cubicBezTo>
                    <a:pt x="1825" y="17412"/>
                    <a:pt x="6161" y="17853"/>
                    <a:pt x="9811" y="17853"/>
                  </a:cubicBezTo>
                  <a:cubicBezTo>
                    <a:pt x="13918" y="17853"/>
                    <a:pt x="15059" y="17137"/>
                    <a:pt x="15059" y="15649"/>
                  </a:cubicBezTo>
                  <a:cubicBezTo>
                    <a:pt x="15059" y="14216"/>
                    <a:pt x="14146" y="13886"/>
                    <a:pt x="9963" y="12673"/>
                  </a:cubicBezTo>
                  <a:lnTo>
                    <a:pt x="7834" y="12067"/>
                  </a:lnTo>
                  <a:cubicBezTo>
                    <a:pt x="2434" y="10524"/>
                    <a:pt x="0" y="8761"/>
                    <a:pt x="0" y="5565"/>
                  </a:cubicBezTo>
                  <a:cubicBezTo>
                    <a:pt x="0" y="1433"/>
                    <a:pt x="3803" y="0"/>
                    <a:pt x="11332" y="0"/>
                  </a:cubicBezTo>
                  <a:cubicBezTo>
                    <a:pt x="14603" y="0"/>
                    <a:pt x="18786" y="441"/>
                    <a:pt x="20231" y="771"/>
                  </a:cubicBezTo>
                  <a:lnTo>
                    <a:pt x="20231" y="4133"/>
                  </a:lnTo>
                  <a:cubicBezTo>
                    <a:pt x="17037" y="3912"/>
                    <a:pt x="13918" y="3802"/>
                    <a:pt x="11408" y="3802"/>
                  </a:cubicBezTo>
                  <a:cubicBezTo>
                    <a:pt x="7986" y="3802"/>
                    <a:pt x="6541" y="4022"/>
                    <a:pt x="6541" y="5455"/>
                  </a:cubicBezTo>
                  <a:cubicBezTo>
                    <a:pt x="6541" y="6778"/>
                    <a:pt x="7530" y="7163"/>
                    <a:pt x="11028" y="8155"/>
                  </a:cubicBezTo>
                  <a:lnTo>
                    <a:pt x="13310" y="8816"/>
                  </a:lnTo>
                  <a:cubicBezTo>
                    <a:pt x="19394" y="10580"/>
                    <a:pt x="21524" y="11957"/>
                    <a:pt x="21600" y="15373"/>
                  </a:cubicBezTo>
                  <a:cubicBezTo>
                    <a:pt x="21600" y="19231"/>
                    <a:pt x="18025" y="21600"/>
                    <a:pt x="10115" y="21600"/>
                  </a:cubicBez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3" name="Shape 79">
              <a:extLst>
                <a:ext uri="{FF2B5EF4-FFF2-40B4-BE49-F238E27FC236}">
                  <a16:creationId xmlns:a16="http://schemas.microsoft.com/office/drawing/2014/main" id="{5FBE0903-C4CA-0C49-8532-893FE2C54DD4}"/>
                </a:ext>
              </a:extLst>
            </p:cNvPr>
            <p:cNvSpPr/>
            <p:nvPr/>
          </p:nvSpPr>
          <p:spPr>
            <a:xfrm>
              <a:off x="1371288" y="315719"/>
              <a:ext cx="142647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5703" y="21600"/>
                  </a:moveTo>
                  <a:lnTo>
                    <a:pt x="15703" y="11721"/>
                  </a:lnTo>
                  <a:cubicBezTo>
                    <a:pt x="15703" y="9293"/>
                    <a:pt x="14709" y="8623"/>
                    <a:pt x="11794" y="8623"/>
                  </a:cubicBezTo>
                  <a:cubicBezTo>
                    <a:pt x="9475" y="8623"/>
                    <a:pt x="7090" y="9126"/>
                    <a:pt x="5764" y="9502"/>
                  </a:cubicBezTo>
                  <a:lnTo>
                    <a:pt x="5764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5764" y="0"/>
                  </a:lnTo>
                  <a:lnTo>
                    <a:pt x="5764" y="6740"/>
                  </a:lnTo>
                  <a:cubicBezTo>
                    <a:pt x="7487" y="6153"/>
                    <a:pt x="10270" y="5567"/>
                    <a:pt x="13450" y="5567"/>
                  </a:cubicBezTo>
                  <a:cubicBezTo>
                    <a:pt x="19546" y="5567"/>
                    <a:pt x="21600" y="7870"/>
                    <a:pt x="21600" y="11679"/>
                  </a:cubicBezTo>
                  <a:lnTo>
                    <a:pt x="21600" y="21600"/>
                  </a:lnTo>
                  <a:lnTo>
                    <a:pt x="15703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4" name="Shape 80">
              <a:extLst>
                <a:ext uri="{FF2B5EF4-FFF2-40B4-BE49-F238E27FC236}">
                  <a16:creationId xmlns:a16="http://schemas.microsoft.com/office/drawing/2014/main" id="{DA107151-EA87-9C42-ABA6-0BE3B2F67F81}"/>
                </a:ext>
              </a:extLst>
            </p:cNvPr>
            <p:cNvSpPr/>
            <p:nvPr/>
          </p:nvSpPr>
          <p:spPr>
            <a:xfrm>
              <a:off x="1542462" y="374680"/>
              <a:ext cx="148352" cy="174979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832" y="21600"/>
                  </a:moveTo>
                  <a:cubicBezTo>
                    <a:pt x="3846" y="21600"/>
                    <a:pt x="0" y="18522"/>
                    <a:pt x="0" y="12037"/>
                  </a:cubicBezTo>
                  <a:lnTo>
                    <a:pt x="0" y="9508"/>
                  </a:lnTo>
                  <a:cubicBezTo>
                    <a:pt x="0" y="3023"/>
                    <a:pt x="3846" y="0"/>
                    <a:pt x="10832" y="0"/>
                  </a:cubicBezTo>
                  <a:cubicBezTo>
                    <a:pt x="17754" y="0"/>
                    <a:pt x="21600" y="3023"/>
                    <a:pt x="21600" y="9508"/>
                  </a:cubicBezTo>
                  <a:lnTo>
                    <a:pt x="21600" y="12037"/>
                  </a:lnTo>
                  <a:cubicBezTo>
                    <a:pt x="21600" y="18522"/>
                    <a:pt x="17754" y="21600"/>
                    <a:pt x="10832" y="21600"/>
                  </a:cubicBezTo>
                  <a:close/>
                  <a:moveTo>
                    <a:pt x="16024" y="9508"/>
                  </a:moveTo>
                  <a:cubicBezTo>
                    <a:pt x="16024" y="5551"/>
                    <a:pt x="14485" y="4122"/>
                    <a:pt x="10832" y="4122"/>
                  </a:cubicBezTo>
                  <a:cubicBezTo>
                    <a:pt x="7179" y="4122"/>
                    <a:pt x="5576" y="5551"/>
                    <a:pt x="5576" y="9508"/>
                  </a:cubicBezTo>
                  <a:lnTo>
                    <a:pt x="5576" y="12037"/>
                  </a:lnTo>
                  <a:cubicBezTo>
                    <a:pt x="5576" y="15939"/>
                    <a:pt x="7179" y="17478"/>
                    <a:pt x="10832" y="17478"/>
                  </a:cubicBezTo>
                  <a:cubicBezTo>
                    <a:pt x="14485" y="17478"/>
                    <a:pt x="16024" y="15939"/>
                    <a:pt x="16024" y="12037"/>
                  </a:cubicBezTo>
                  <a:lnTo>
                    <a:pt x="16024" y="9508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5" name="Shape 81">
              <a:extLst>
                <a:ext uri="{FF2B5EF4-FFF2-40B4-BE49-F238E27FC236}">
                  <a16:creationId xmlns:a16="http://schemas.microsoft.com/office/drawing/2014/main" id="{C3001A98-FF96-A149-B036-0E840C2136B9}"/>
                </a:ext>
              </a:extLst>
            </p:cNvPr>
            <p:cNvSpPr/>
            <p:nvPr/>
          </p:nvSpPr>
          <p:spPr>
            <a:xfrm>
              <a:off x="1723145" y="315719"/>
              <a:ext cx="38039" cy="228233"/>
            </a:xfrm>
            <a:prstGeom prst="rect">
              <a:avLst/>
            </a:pr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6" name="Shape 82">
              <a:extLst>
                <a:ext uri="{FF2B5EF4-FFF2-40B4-BE49-F238E27FC236}">
                  <a16:creationId xmlns:a16="http://schemas.microsoft.com/office/drawing/2014/main" id="{4D65C05E-EFF3-F74A-90EB-0FBEC7C1DA91}"/>
                </a:ext>
              </a:extLst>
            </p:cNvPr>
            <p:cNvSpPr/>
            <p:nvPr/>
          </p:nvSpPr>
          <p:spPr>
            <a:xfrm>
              <a:off x="1804928" y="374679"/>
              <a:ext cx="222527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866" y="21600"/>
                  </a:moveTo>
                  <a:lnTo>
                    <a:pt x="17866" y="7783"/>
                  </a:lnTo>
                  <a:cubicBezTo>
                    <a:pt x="17866" y="5470"/>
                    <a:pt x="17823" y="4117"/>
                    <a:pt x="15871" y="4117"/>
                  </a:cubicBezTo>
                  <a:cubicBezTo>
                    <a:pt x="14980" y="4117"/>
                    <a:pt x="13664" y="4568"/>
                    <a:pt x="12561" y="5358"/>
                  </a:cubicBezTo>
                  <a:cubicBezTo>
                    <a:pt x="12646" y="6204"/>
                    <a:pt x="12646" y="6993"/>
                    <a:pt x="12646" y="7783"/>
                  </a:cubicBezTo>
                  <a:lnTo>
                    <a:pt x="12646" y="21600"/>
                  </a:lnTo>
                  <a:lnTo>
                    <a:pt x="8954" y="21600"/>
                  </a:lnTo>
                  <a:lnTo>
                    <a:pt x="8954" y="7783"/>
                  </a:lnTo>
                  <a:cubicBezTo>
                    <a:pt x="8954" y="5414"/>
                    <a:pt x="8912" y="4117"/>
                    <a:pt x="7129" y="4117"/>
                  </a:cubicBezTo>
                  <a:cubicBezTo>
                    <a:pt x="5941" y="4117"/>
                    <a:pt x="4668" y="4794"/>
                    <a:pt x="3692" y="5470"/>
                  </a:cubicBezTo>
                  <a:lnTo>
                    <a:pt x="3692" y="21600"/>
                  </a:lnTo>
                  <a:lnTo>
                    <a:pt x="0" y="21600"/>
                  </a:lnTo>
                  <a:lnTo>
                    <a:pt x="0" y="508"/>
                  </a:lnTo>
                  <a:lnTo>
                    <a:pt x="3565" y="508"/>
                  </a:lnTo>
                  <a:lnTo>
                    <a:pt x="3565" y="2199"/>
                  </a:lnTo>
                  <a:cubicBezTo>
                    <a:pt x="4838" y="846"/>
                    <a:pt x="6535" y="0"/>
                    <a:pt x="8275" y="0"/>
                  </a:cubicBezTo>
                  <a:cubicBezTo>
                    <a:pt x="10185" y="0"/>
                    <a:pt x="11246" y="846"/>
                    <a:pt x="11882" y="2256"/>
                  </a:cubicBezTo>
                  <a:cubicBezTo>
                    <a:pt x="13707" y="620"/>
                    <a:pt x="15362" y="0"/>
                    <a:pt x="16805" y="0"/>
                  </a:cubicBezTo>
                  <a:cubicBezTo>
                    <a:pt x="21303" y="0"/>
                    <a:pt x="21600" y="3891"/>
                    <a:pt x="21600" y="7670"/>
                  </a:cubicBezTo>
                  <a:lnTo>
                    <a:pt x="21600" y="21600"/>
                  </a:lnTo>
                  <a:lnTo>
                    <a:pt x="17866" y="21600"/>
                  </a:lnTo>
                  <a:close/>
                </a:path>
              </a:pathLst>
            </a:custGeom>
            <a:solidFill>
              <a:srgbClr val="4B4B4D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7" name="Shape 83">
              <a:extLst>
                <a:ext uri="{FF2B5EF4-FFF2-40B4-BE49-F238E27FC236}">
                  <a16:creationId xmlns:a16="http://schemas.microsoft.com/office/drawing/2014/main" id="{E614225C-C252-FE40-AE4F-AE1891F4A012}"/>
                </a:ext>
              </a:extLst>
            </p:cNvPr>
            <p:cNvSpPr/>
            <p:nvPr/>
          </p:nvSpPr>
          <p:spPr>
            <a:xfrm>
              <a:off x="2069295" y="325229"/>
              <a:ext cx="154058" cy="21872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194" y="21600"/>
                  </a:moveTo>
                  <a:lnTo>
                    <a:pt x="10096" y="13144"/>
                  </a:lnTo>
                  <a:cubicBezTo>
                    <a:pt x="9240" y="13188"/>
                    <a:pt x="8138" y="13188"/>
                    <a:pt x="7220" y="13188"/>
                  </a:cubicBezTo>
                  <a:lnTo>
                    <a:pt x="3733" y="13188"/>
                  </a:lnTo>
                  <a:lnTo>
                    <a:pt x="3733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7098" y="0"/>
                  </a:lnTo>
                  <a:cubicBezTo>
                    <a:pt x="14074" y="0"/>
                    <a:pt x="19703" y="1008"/>
                    <a:pt x="19703" y="6572"/>
                  </a:cubicBezTo>
                  <a:cubicBezTo>
                    <a:pt x="19703" y="10033"/>
                    <a:pt x="17561" y="11742"/>
                    <a:pt x="14074" y="12618"/>
                  </a:cubicBezTo>
                  <a:lnTo>
                    <a:pt x="21600" y="21600"/>
                  </a:lnTo>
                  <a:lnTo>
                    <a:pt x="17194" y="21600"/>
                  </a:lnTo>
                  <a:close/>
                  <a:moveTo>
                    <a:pt x="7098" y="2366"/>
                  </a:moveTo>
                  <a:lnTo>
                    <a:pt x="3733" y="2366"/>
                  </a:lnTo>
                  <a:lnTo>
                    <a:pt x="3733" y="10822"/>
                  </a:lnTo>
                  <a:lnTo>
                    <a:pt x="7220" y="10822"/>
                  </a:lnTo>
                  <a:cubicBezTo>
                    <a:pt x="13156" y="10822"/>
                    <a:pt x="15909" y="9989"/>
                    <a:pt x="15909" y="6572"/>
                  </a:cubicBezTo>
                  <a:cubicBezTo>
                    <a:pt x="15909" y="2979"/>
                    <a:pt x="12972" y="2366"/>
                    <a:pt x="7098" y="236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8" name="Shape 84">
              <a:extLst>
                <a:ext uri="{FF2B5EF4-FFF2-40B4-BE49-F238E27FC236}">
                  <a16:creationId xmlns:a16="http://schemas.microsoft.com/office/drawing/2014/main" id="{472160D9-103F-4549-9485-A9D913A86B8D}"/>
                </a:ext>
              </a:extLst>
            </p:cNvPr>
            <p:cNvSpPr/>
            <p:nvPr/>
          </p:nvSpPr>
          <p:spPr>
            <a:xfrm>
              <a:off x="2242371" y="378483"/>
              <a:ext cx="135039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098" y="12037"/>
                  </a:moveTo>
                  <a:lnTo>
                    <a:pt x="4098" y="12431"/>
                  </a:lnTo>
                  <a:cubicBezTo>
                    <a:pt x="4098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766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696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098" y="12037"/>
                  </a:lnTo>
                  <a:close/>
                  <a:moveTo>
                    <a:pt x="17294" y="8888"/>
                  </a:moveTo>
                  <a:cubicBezTo>
                    <a:pt x="17294" y="6412"/>
                    <a:pt x="16669" y="2925"/>
                    <a:pt x="10765" y="2925"/>
                  </a:cubicBezTo>
                  <a:cubicBezTo>
                    <a:pt x="4931" y="2925"/>
                    <a:pt x="4167" y="6412"/>
                    <a:pt x="4167" y="8888"/>
                  </a:cubicBezTo>
                  <a:lnTo>
                    <a:pt x="4167" y="9281"/>
                  </a:lnTo>
                  <a:lnTo>
                    <a:pt x="17294" y="9281"/>
                  </a:lnTo>
                  <a:lnTo>
                    <a:pt x="17294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29" name="Shape 85">
              <a:extLst>
                <a:ext uri="{FF2B5EF4-FFF2-40B4-BE49-F238E27FC236}">
                  <a16:creationId xmlns:a16="http://schemas.microsoft.com/office/drawing/2014/main" id="{CDF8D998-3949-484E-9E8C-C96C296D5182}"/>
                </a:ext>
              </a:extLst>
            </p:cNvPr>
            <p:cNvSpPr/>
            <p:nvPr/>
          </p:nvSpPr>
          <p:spPr>
            <a:xfrm>
              <a:off x="2405936" y="378483"/>
              <a:ext cx="114118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302" y="21600"/>
                  </a:moveTo>
                  <a:cubicBezTo>
                    <a:pt x="6065" y="21600"/>
                    <a:pt x="1412" y="20981"/>
                    <a:pt x="415" y="20756"/>
                  </a:cubicBezTo>
                  <a:lnTo>
                    <a:pt x="415" y="18169"/>
                  </a:lnTo>
                  <a:cubicBezTo>
                    <a:pt x="2243" y="18281"/>
                    <a:pt x="6480" y="18731"/>
                    <a:pt x="10135" y="18731"/>
                  </a:cubicBezTo>
                  <a:cubicBezTo>
                    <a:pt x="15286" y="18731"/>
                    <a:pt x="16615" y="17775"/>
                    <a:pt x="16615" y="15975"/>
                  </a:cubicBezTo>
                  <a:cubicBezTo>
                    <a:pt x="16615" y="14119"/>
                    <a:pt x="15702" y="13556"/>
                    <a:pt x="10551" y="12094"/>
                  </a:cubicBezTo>
                  <a:lnTo>
                    <a:pt x="8308" y="11419"/>
                  </a:lnTo>
                  <a:cubicBezTo>
                    <a:pt x="2492" y="9731"/>
                    <a:pt x="0" y="8100"/>
                    <a:pt x="0" y="5119"/>
                  </a:cubicBezTo>
                  <a:cubicBezTo>
                    <a:pt x="0" y="1687"/>
                    <a:pt x="3323" y="0"/>
                    <a:pt x="10966" y="0"/>
                  </a:cubicBezTo>
                  <a:cubicBezTo>
                    <a:pt x="15037" y="0"/>
                    <a:pt x="19025" y="506"/>
                    <a:pt x="20105" y="787"/>
                  </a:cubicBezTo>
                  <a:lnTo>
                    <a:pt x="20105" y="3262"/>
                  </a:lnTo>
                  <a:cubicBezTo>
                    <a:pt x="16948" y="3037"/>
                    <a:pt x="13292" y="2869"/>
                    <a:pt x="11215" y="2869"/>
                  </a:cubicBezTo>
                  <a:cubicBezTo>
                    <a:pt x="6812" y="2869"/>
                    <a:pt x="4985" y="3262"/>
                    <a:pt x="4985" y="5119"/>
                  </a:cubicBezTo>
                  <a:cubicBezTo>
                    <a:pt x="4985" y="6750"/>
                    <a:pt x="5982" y="7425"/>
                    <a:pt x="10218" y="8662"/>
                  </a:cubicBezTo>
                  <a:lnTo>
                    <a:pt x="12462" y="9337"/>
                  </a:lnTo>
                  <a:cubicBezTo>
                    <a:pt x="19523" y="11419"/>
                    <a:pt x="21600" y="12712"/>
                    <a:pt x="21600" y="15863"/>
                  </a:cubicBezTo>
                  <a:cubicBezTo>
                    <a:pt x="21600" y="18844"/>
                    <a:pt x="19274" y="21600"/>
                    <a:pt x="10302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0" name="Shape 86">
              <a:extLst>
                <a:ext uri="{FF2B5EF4-FFF2-40B4-BE49-F238E27FC236}">
                  <a16:creationId xmlns:a16="http://schemas.microsoft.com/office/drawing/2014/main" id="{F874BD31-D7E5-4B45-94A0-AA4298042336}"/>
                </a:ext>
              </a:extLst>
            </p:cNvPr>
            <p:cNvSpPr/>
            <p:nvPr/>
          </p:nvSpPr>
          <p:spPr>
            <a:xfrm>
              <a:off x="2546679" y="378483"/>
              <a:ext cx="136941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363" y="8888"/>
                  </a:moveTo>
                  <a:cubicBezTo>
                    <a:pt x="17363" y="6412"/>
                    <a:pt x="16669" y="2925"/>
                    <a:pt x="10765" y="2925"/>
                  </a:cubicBezTo>
                  <a:cubicBezTo>
                    <a:pt x="5001" y="2925"/>
                    <a:pt x="4237" y="6412"/>
                    <a:pt x="4237" y="8888"/>
                  </a:cubicBezTo>
                  <a:lnTo>
                    <a:pt x="4237" y="9281"/>
                  </a:lnTo>
                  <a:lnTo>
                    <a:pt x="17363" y="9281"/>
                  </a:lnTo>
                  <a:lnTo>
                    <a:pt x="17363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1" name="Shape 87">
              <a:extLst>
                <a:ext uri="{FF2B5EF4-FFF2-40B4-BE49-F238E27FC236}">
                  <a16:creationId xmlns:a16="http://schemas.microsoft.com/office/drawing/2014/main" id="{A89DFE04-C384-D348-B528-F72EFC330DB4}"/>
                </a:ext>
              </a:extLst>
            </p:cNvPr>
            <p:cNvSpPr/>
            <p:nvPr/>
          </p:nvSpPr>
          <p:spPr>
            <a:xfrm>
              <a:off x="2712147" y="378483"/>
              <a:ext cx="123627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34" y="21094"/>
                  </a:moveTo>
                  <a:lnTo>
                    <a:pt x="17234" y="19687"/>
                  </a:lnTo>
                  <a:cubicBezTo>
                    <a:pt x="15549" y="20531"/>
                    <a:pt x="12485" y="21600"/>
                    <a:pt x="8349" y="21600"/>
                  </a:cubicBezTo>
                  <a:cubicBezTo>
                    <a:pt x="3140" y="21600"/>
                    <a:pt x="0" y="19856"/>
                    <a:pt x="0" y="15750"/>
                  </a:cubicBezTo>
                  <a:lnTo>
                    <a:pt x="0" y="15019"/>
                  </a:lnTo>
                  <a:cubicBezTo>
                    <a:pt x="0" y="9619"/>
                    <a:pt x="5055" y="8662"/>
                    <a:pt x="12868" y="8662"/>
                  </a:cubicBezTo>
                  <a:lnTo>
                    <a:pt x="17004" y="8662"/>
                  </a:lnTo>
                  <a:lnTo>
                    <a:pt x="17004" y="7200"/>
                  </a:lnTo>
                  <a:cubicBezTo>
                    <a:pt x="17004" y="3656"/>
                    <a:pt x="16085" y="2869"/>
                    <a:pt x="10494" y="2869"/>
                  </a:cubicBezTo>
                  <a:cubicBezTo>
                    <a:pt x="7353" y="2869"/>
                    <a:pt x="4902" y="3037"/>
                    <a:pt x="1838" y="3319"/>
                  </a:cubicBezTo>
                  <a:lnTo>
                    <a:pt x="1838" y="900"/>
                  </a:lnTo>
                  <a:cubicBezTo>
                    <a:pt x="2681" y="675"/>
                    <a:pt x="6511" y="0"/>
                    <a:pt x="10800" y="0"/>
                  </a:cubicBezTo>
                  <a:cubicBezTo>
                    <a:pt x="20145" y="0"/>
                    <a:pt x="21600" y="2531"/>
                    <a:pt x="21600" y="7200"/>
                  </a:cubicBezTo>
                  <a:lnTo>
                    <a:pt x="21600" y="21094"/>
                  </a:lnTo>
                  <a:lnTo>
                    <a:pt x="17234" y="21094"/>
                  </a:lnTo>
                  <a:close/>
                  <a:moveTo>
                    <a:pt x="17004" y="11194"/>
                  </a:moveTo>
                  <a:lnTo>
                    <a:pt x="12868" y="11194"/>
                  </a:lnTo>
                  <a:cubicBezTo>
                    <a:pt x="6970" y="11194"/>
                    <a:pt x="4596" y="11756"/>
                    <a:pt x="4596" y="15019"/>
                  </a:cubicBezTo>
                  <a:lnTo>
                    <a:pt x="4596" y="16031"/>
                  </a:lnTo>
                  <a:cubicBezTo>
                    <a:pt x="4596" y="18337"/>
                    <a:pt x="6511" y="18956"/>
                    <a:pt x="9268" y="18956"/>
                  </a:cubicBezTo>
                  <a:cubicBezTo>
                    <a:pt x="12562" y="18956"/>
                    <a:pt x="15855" y="17888"/>
                    <a:pt x="17004" y="17325"/>
                  </a:cubicBezTo>
                  <a:lnTo>
                    <a:pt x="17004" y="11194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2" name="Shape 88">
              <a:extLst>
                <a:ext uri="{FF2B5EF4-FFF2-40B4-BE49-F238E27FC236}">
                  <a16:creationId xmlns:a16="http://schemas.microsoft.com/office/drawing/2014/main" id="{8B3D320A-44FA-AC49-AFCA-5684A57F112F}"/>
                </a:ext>
              </a:extLst>
            </p:cNvPr>
            <p:cNvSpPr/>
            <p:nvPr/>
          </p:nvSpPr>
          <p:spPr>
            <a:xfrm>
              <a:off x="2881418" y="378483"/>
              <a:ext cx="83687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6779" y="4896"/>
                  </a:moveTo>
                  <a:lnTo>
                    <a:pt x="6779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6664" y="576"/>
                  </a:lnTo>
                  <a:lnTo>
                    <a:pt x="6664" y="2246"/>
                  </a:lnTo>
                  <a:cubicBezTo>
                    <a:pt x="10685" y="691"/>
                    <a:pt x="15740" y="0"/>
                    <a:pt x="21600" y="0"/>
                  </a:cubicBezTo>
                  <a:lnTo>
                    <a:pt x="21600" y="3053"/>
                  </a:lnTo>
                  <a:cubicBezTo>
                    <a:pt x="16200" y="3053"/>
                    <a:pt x="9996" y="3859"/>
                    <a:pt x="6779" y="489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3" name="Shape 89">
              <a:extLst>
                <a:ext uri="{FF2B5EF4-FFF2-40B4-BE49-F238E27FC236}">
                  <a16:creationId xmlns:a16="http://schemas.microsoft.com/office/drawing/2014/main" id="{0817ED8E-8B66-D541-943D-DC526AF5D577}"/>
                </a:ext>
              </a:extLst>
            </p:cNvPr>
            <p:cNvSpPr/>
            <p:nvPr/>
          </p:nvSpPr>
          <p:spPr>
            <a:xfrm>
              <a:off x="2982220" y="378483"/>
              <a:ext cx="108412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2614" y="21600"/>
                  </a:moveTo>
                  <a:cubicBezTo>
                    <a:pt x="4061" y="21600"/>
                    <a:pt x="0" y="18169"/>
                    <a:pt x="0" y="12319"/>
                  </a:cubicBezTo>
                  <a:lnTo>
                    <a:pt x="0" y="9225"/>
                  </a:lnTo>
                  <a:cubicBezTo>
                    <a:pt x="0" y="3319"/>
                    <a:pt x="4061" y="0"/>
                    <a:pt x="12614" y="0"/>
                  </a:cubicBezTo>
                  <a:cubicBezTo>
                    <a:pt x="17194" y="0"/>
                    <a:pt x="20563" y="506"/>
                    <a:pt x="21600" y="731"/>
                  </a:cubicBezTo>
                  <a:lnTo>
                    <a:pt x="21600" y="3262"/>
                  </a:lnTo>
                  <a:cubicBezTo>
                    <a:pt x="17798" y="2981"/>
                    <a:pt x="15034" y="2869"/>
                    <a:pt x="13392" y="2869"/>
                  </a:cubicBezTo>
                  <a:cubicBezTo>
                    <a:pt x="8294" y="2869"/>
                    <a:pt x="5184" y="4106"/>
                    <a:pt x="5184" y="9225"/>
                  </a:cubicBezTo>
                  <a:lnTo>
                    <a:pt x="5184" y="12319"/>
                  </a:lnTo>
                  <a:cubicBezTo>
                    <a:pt x="5184" y="17438"/>
                    <a:pt x="8294" y="18731"/>
                    <a:pt x="13392" y="18731"/>
                  </a:cubicBezTo>
                  <a:cubicBezTo>
                    <a:pt x="15034" y="18731"/>
                    <a:pt x="17798" y="18619"/>
                    <a:pt x="21600" y="18337"/>
                  </a:cubicBezTo>
                  <a:lnTo>
                    <a:pt x="21600" y="20869"/>
                  </a:lnTo>
                  <a:cubicBezTo>
                    <a:pt x="20563" y="21094"/>
                    <a:pt x="17194" y="21600"/>
                    <a:pt x="12614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4" name="Shape 90">
              <a:extLst>
                <a:ext uri="{FF2B5EF4-FFF2-40B4-BE49-F238E27FC236}">
                  <a16:creationId xmlns:a16="http://schemas.microsoft.com/office/drawing/2014/main" id="{1E25364B-882B-FE4D-B371-5C08F385FAEF}"/>
                </a:ext>
              </a:extLst>
            </p:cNvPr>
            <p:cNvSpPr/>
            <p:nvPr/>
          </p:nvSpPr>
          <p:spPr>
            <a:xfrm>
              <a:off x="3128668" y="315719"/>
              <a:ext cx="127431" cy="22823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07" y="21600"/>
                  </a:moveTo>
                  <a:lnTo>
                    <a:pt x="17207" y="11893"/>
                  </a:lnTo>
                  <a:cubicBezTo>
                    <a:pt x="17207" y="8867"/>
                    <a:pt x="15816" y="8026"/>
                    <a:pt x="12155" y="8026"/>
                  </a:cubicBezTo>
                  <a:cubicBezTo>
                    <a:pt x="9079" y="8026"/>
                    <a:pt x="6004" y="8657"/>
                    <a:pt x="4320" y="9119"/>
                  </a:cubicBezTo>
                  <a:lnTo>
                    <a:pt x="4320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4320" y="0"/>
                  </a:lnTo>
                  <a:lnTo>
                    <a:pt x="4320" y="7102"/>
                  </a:lnTo>
                  <a:cubicBezTo>
                    <a:pt x="6004" y="6598"/>
                    <a:pt x="9153" y="5841"/>
                    <a:pt x="13033" y="5841"/>
                  </a:cubicBezTo>
                  <a:cubicBezTo>
                    <a:pt x="18818" y="5841"/>
                    <a:pt x="21600" y="7774"/>
                    <a:pt x="21600" y="11809"/>
                  </a:cubicBezTo>
                  <a:lnTo>
                    <a:pt x="21600" y="21600"/>
                  </a:lnTo>
                  <a:lnTo>
                    <a:pt x="17207" y="216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5" name="Shape 91">
              <a:extLst>
                <a:ext uri="{FF2B5EF4-FFF2-40B4-BE49-F238E27FC236}">
                  <a16:creationId xmlns:a16="http://schemas.microsoft.com/office/drawing/2014/main" id="{556C4A5D-317E-B748-BB8D-AF0AEF31BF18}"/>
                </a:ext>
              </a:extLst>
            </p:cNvPr>
            <p:cNvSpPr/>
            <p:nvPr/>
          </p:nvSpPr>
          <p:spPr>
            <a:xfrm>
              <a:off x="3290332" y="321425"/>
              <a:ext cx="136941" cy="22633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3689" y="21600"/>
                  </a:moveTo>
                  <a:cubicBezTo>
                    <a:pt x="5985" y="21600"/>
                    <a:pt x="0" y="19821"/>
                    <a:pt x="0" y="12494"/>
                  </a:cubicBezTo>
                  <a:lnTo>
                    <a:pt x="0" y="9021"/>
                  </a:lnTo>
                  <a:cubicBezTo>
                    <a:pt x="0" y="1694"/>
                    <a:pt x="5985" y="0"/>
                    <a:pt x="13689" y="0"/>
                  </a:cubicBezTo>
                  <a:cubicBezTo>
                    <a:pt x="16854" y="0"/>
                    <a:pt x="20224" y="339"/>
                    <a:pt x="21600" y="466"/>
                  </a:cubicBezTo>
                  <a:lnTo>
                    <a:pt x="21600" y="2584"/>
                  </a:lnTo>
                  <a:cubicBezTo>
                    <a:pt x="19468" y="2456"/>
                    <a:pt x="16234" y="2287"/>
                    <a:pt x="13689" y="2287"/>
                  </a:cubicBezTo>
                  <a:cubicBezTo>
                    <a:pt x="7292" y="2287"/>
                    <a:pt x="4196" y="3896"/>
                    <a:pt x="4196" y="9021"/>
                  </a:cubicBezTo>
                  <a:lnTo>
                    <a:pt x="4196" y="12494"/>
                  </a:lnTo>
                  <a:cubicBezTo>
                    <a:pt x="4196" y="17619"/>
                    <a:pt x="7292" y="19271"/>
                    <a:pt x="13689" y="19271"/>
                  </a:cubicBezTo>
                  <a:cubicBezTo>
                    <a:pt x="16234" y="19271"/>
                    <a:pt x="19468" y="19101"/>
                    <a:pt x="21600" y="19016"/>
                  </a:cubicBezTo>
                  <a:lnTo>
                    <a:pt x="21600" y="21134"/>
                  </a:lnTo>
                  <a:cubicBezTo>
                    <a:pt x="20224" y="21261"/>
                    <a:pt x="16854" y="21600"/>
                    <a:pt x="13689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6" name="Shape 92">
              <a:extLst>
                <a:ext uri="{FF2B5EF4-FFF2-40B4-BE49-F238E27FC236}">
                  <a16:creationId xmlns:a16="http://schemas.microsoft.com/office/drawing/2014/main" id="{3C660D6A-1CAE-B44D-BCDC-6858F6A3222B}"/>
                </a:ext>
              </a:extLst>
            </p:cNvPr>
            <p:cNvSpPr/>
            <p:nvPr/>
          </p:nvSpPr>
          <p:spPr>
            <a:xfrm>
              <a:off x="3448192" y="378483"/>
              <a:ext cx="136940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294" y="8888"/>
                  </a:moveTo>
                  <a:cubicBezTo>
                    <a:pt x="17294" y="6412"/>
                    <a:pt x="16669" y="2925"/>
                    <a:pt x="10765" y="2925"/>
                  </a:cubicBezTo>
                  <a:cubicBezTo>
                    <a:pt x="5001" y="2925"/>
                    <a:pt x="4167" y="6412"/>
                    <a:pt x="4167" y="8888"/>
                  </a:cubicBezTo>
                  <a:lnTo>
                    <a:pt x="4167" y="9281"/>
                  </a:lnTo>
                  <a:lnTo>
                    <a:pt x="17294" y="9281"/>
                  </a:lnTo>
                  <a:lnTo>
                    <a:pt x="17294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7" name="Shape 93">
              <a:extLst>
                <a:ext uri="{FF2B5EF4-FFF2-40B4-BE49-F238E27FC236}">
                  <a16:creationId xmlns:a16="http://schemas.microsoft.com/office/drawing/2014/main" id="{37B94282-517F-504E-8D2B-E34BC59D142B}"/>
                </a:ext>
              </a:extLst>
            </p:cNvPr>
            <p:cNvSpPr/>
            <p:nvPr/>
          </p:nvSpPr>
          <p:spPr>
            <a:xfrm>
              <a:off x="3621267" y="378483"/>
              <a:ext cx="129333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07" y="21600"/>
                  </a:moveTo>
                  <a:lnTo>
                    <a:pt x="17207" y="8179"/>
                  </a:lnTo>
                  <a:cubicBezTo>
                    <a:pt x="17207" y="4320"/>
                    <a:pt x="16401" y="2938"/>
                    <a:pt x="12740" y="2938"/>
                  </a:cubicBezTo>
                  <a:cubicBezTo>
                    <a:pt x="10617" y="2938"/>
                    <a:pt x="7908" y="3629"/>
                    <a:pt x="4320" y="4838"/>
                  </a:cubicBezTo>
                  <a:lnTo>
                    <a:pt x="4320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4320" y="576"/>
                  </a:lnTo>
                  <a:lnTo>
                    <a:pt x="4320" y="2189"/>
                  </a:lnTo>
                  <a:cubicBezTo>
                    <a:pt x="7468" y="922"/>
                    <a:pt x="10251" y="0"/>
                    <a:pt x="13253" y="0"/>
                  </a:cubicBezTo>
                  <a:cubicBezTo>
                    <a:pt x="20355" y="0"/>
                    <a:pt x="21600" y="3053"/>
                    <a:pt x="21600" y="8179"/>
                  </a:cubicBezTo>
                  <a:lnTo>
                    <a:pt x="21600" y="21600"/>
                  </a:lnTo>
                  <a:lnTo>
                    <a:pt x="17207" y="21600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8" name="Shape 94">
              <a:extLst>
                <a:ext uri="{FF2B5EF4-FFF2-40B4-BE49-F238E27FC236}">
                  <a16:creationId xmlns:a16="http://schemas.microsoft.com/office/drawing/2014/main" id="{D610247A-294C-CB48-B52C-61FA5C904C06}"/>
                </a:ext>
              </a:extLst>
            </p:cNvPr>
            <p:cNvSpPr/>
            <p:nvPr/>
          </p:nvSpPr>
          <p:spPr>
            <a:xfrm>
              <a:off x="3775323" y="340444"/>
              <a:ext cx="100804" cy="20731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5335" y="21600"/>
                  </a:moveTo>
                  <a:cubicBezTo>
                    <a:pt x="9070" y="21600"/>
                    <a:pt x="6826" y="20495"/>
                    <a:pt x="6826" y="17317"/>
                  </a:cubicBezTo>
                  <a:lnTo>
                    <a:pt x="6826" y="6632"/>
                  </a:lnTo>
                  <a:lnTo>
                    <a:pt x="0" y="6402"/>
                  </a:lnTo>
                  <a:lnTo>
                    <a:pt x="0" y="4375"/>
                  </a:lnTo>
                  <a:lnTo>
                    <a:pt x="6826" y="4375"/>
                  </a:lnTo>
                  <a:lnTo>
                    <a:pt x="6826" y="0"/>
                  </a:lnTo>
                  <a:lnTo>
                    <a:pt x="12436" y="0"/>
                  </a:lnTo>
                  <a:lnTo>
                    <a:pt x="12436" y="4375"/>
                  </a:lnTo>
                  <a:lnTo>
                    <a:pt x="21600" y="4375"/>
                  </a:lnTo>
                  <a:lnTo>
                    <a:pt x="21600" y="6632"/>
                  </a:lnTo>
                  <a:lnTo>
                    <a:pt x="12436" y="6632"/>
                  </a:lnTo>
                  <a:lnTo>
                    <a:pt x="12436" y="17179"/>
                  </a:lnTo>
                  <a:cubicBezTo>
                    <a:pt x="12436" y="19067"/>
                    <a:pt x="12810" y="19389"/>
                    <a:pt x="15896" y="19389"/>
                  </a:cubicBezTo>
                  <a:cubicBezTo>
                    <a:pt x="17860" y="19389"/>
                    <a:pt x="20478" y="19297"/>
                    <a:pt x="21600" y="19251"/>
                  </a:cubicBezTo>
                  <a:lnTo>
                    <a:pt x="21600" y="21139"/>
                  </a:lnTo>
                  <a:cubicBezTo>
                    <a:pt x="20665" y="21278"/>
                    <a:pt x="17953" y="21600"/>
                    <a:pt x="15335" y="21600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39" name="Shape 95">
              <a:extLst>
                <a:ext uri="{FF2B5EF4-FFF2-40B4-BE49-F238E27FC236}">
                  <a16:creationId xmlns:a16="http://schemas.microsoft.com/office/drawing/2014/main" id="{9B5330A1-6E0E-A34B-A52C-03E3887180DA}"/>
                </a:ext>
              </a:extLst>
            </p:cNvPr>
            <p:cNvSpPr/>
            <p:nvPr/>
          </p:nvSpPr>
          <p:spPr>
            <a:xfrm>
              <a:off x="3914164" y="378483"/>
              <a:ext cx="81785" cy="165470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6779" y="4896"/>
                  </a:moveTo>
                  <a:lnTo>
                    <a:pt x="6779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6664" y="576"/>
                  </a:lnTo>
                  <a:lnTo>
                    <a:pt x="6664" y="2246"/>
                  </a:lnTo>
                  <a:cubicBezTo>
                    <a:pt x="10570" y="691"/>
                    <a:pt x="15740" y="0"/>
                    <a:pt x="21600" y="0"/>
                  </a:cubicBezTo>
                  <a:lnTo>
                    <a:pt x="21600" y="3053"/>
                  </a:lnTo>
                  <a:cubicBezTo>
                    <a:pt x="16085" y="3053"/>
                    <a:pt x="9881" y="3859"/>
                    <a:pt x="6779" y="4896"/>
                  </a:cubicBez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0" name="Shape 96">
              <a:extLst>
                <a:ext uri="{FF2B5EF4-FFF2-40B4-BE49-F238E27FC236}">
                  <a16:creationId xmlns:a16="http://schemas.microsoft.com/office/drawing/2014/main" id="{7DA5AE32-5A5C-C04F-AA3F-6E0E53E506F9}"/>
                </a:ext>
              </a:extLst>
            </p:cNvPr>
            <p:cNvSpPr/>
            <p:nvPr/>
          </p:nvSpPr>
          <p:spPr>
            <a:xfrm>
              <a:off x="4009260" y="378483"/>
              <a:ext cx="135039" cy="16927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363" y="8888"/>
                  </a:moveTo>
                  <a:cubicBezTo>
                    <a:pt x="17363" y="6412"/>
                    <a:pt x="16669" y="2925"/>
                    <a:pt x="10765" y="2925"/>
                  </a:cubicBezTo>
                  <a:cubicBezTo>
                    <a:pt x="5001" y="2925"/>
                    <a:pt x="4237" y="6412"/>
                    <a:pt x="4237" y="8888"/>
                  </a:cubicBezTo>
                  <a:lnTo>
                    <a:pt x="4237" y="9281"/>
                  </a:lnTo>
                  <a:lnTo>
                    <a:pt x="17363" y="9281"/>
                  </a:lnTo>
                  <a:lnTo>
                    <a:pt x="17363" y="8888"/>
                  </a:lnTo>
                  <a:close/>
                </a:path>
              </a:pathLst>
            </a:cu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1" name="Shape 97">
              <a:extLst>
                <a:ext uri="{FF2B5EF4-FFF2-40B4-BE49-F238E27FC236}">
                  <a16:creationId xmlns:a16="http://schemas.microsoft.com/office/drawing/2014/main" id="{8F422470-2DFA-F943-A263-C48ABC5CFD06}"/>
                </a:ext>
              </a:extLst>
            </p:cNvPr>
            <p:cNvSpPr/>
            <p:nvPr/>
          </p:nvSpPr>
          <p:spPr>
            <a:xfrm>
              <a:off x="484991" y="-1"/>
              <a:ext cx="38041" cy="38041"/>
            </a:xfrm>
            <a:prstGeom prst="ellipse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2" name="Shape 98">
              <a:extLst>
                <a:ext uri="{FF2B5EF4-FFF2-40B4-BE49-F238E27FC236}">
                  <a16:creationId xmlns:a16="http://schemas.microsoft.com/office/drawing/2014/main" id="{CA31FB79-EB3C-EC46-96E3-28DE8E0A77A9}"/>
                </a:ext>
              </a:extLst>
            </p:cNvPr>
            <p:cNvSpPr/>
            <p:nvPr/>
          </p:nvSpPr>
          <p:spPr>
            <a:xfrm>
              <a:off x="462168" y="102704"/>
              <a:ext cx="83687" cy="83687"/>
            </a:xfrm>
            <a:prstGeom prst="ellipse">
              <a:avLst/>
            </a:prstGeom>
            <a:solidFill>
              <a:srgbClr val="CDD64B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3" name="Shape 99">
              <a:extLst>
                <a:ext uri="{FF2B5EF4-FFF2-40B4-BE49-F238E27FC236}">
                  <a16:creationId xmlns:a16="http://schemas.microsoft.com/office/drawing/2014/main" id="{35A0F28F-AB1A-7A4F-8DE0-20DC78E733D8}"/>
                </a:ext>
              </a:extLst>
            </p:cNvPr>
            <p:cNvSpPr/>
            <p:nvPr/>
          </p:nvSpPr>
          <p:spPr>
            <a:xfrm>
              <a:off x="477383" y="241544"/>
              <a:ext cx="53257" cy="5706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4" name="Shape 100">
              <a:extLst>
                <a:ext uri="{FF2B5EF4-FFF2-40B4-BE49-F238E27FC236}">
                  <a16:creationId xmlns:a16="http://schemas.microsoft.com/office/drawing/2014/main" id="{74226361-E97F-374E-86F1-981ED958A443}"/>
                </a:ext>
              </a:extLst>
            </p:cNvPr>
            <p:cNvSpPr/>
            <p:nvPr/>
          </p:nvSpPr>
          <p:spPr>
            <a:xfrm>
              <a:off x="302406" y="228231"/>
              <a:ext cx="81785" cy="83687"/>
            </a:xfrm>
            <a:prstGeom prst="ellipse">
              <a:avLst/>
            </a:prstGeom>
            <a:solidFill>
              <a:srgbClr val="CDD64B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5" name="Shape 101">
              <a:extLst>
                <a:ext uri="{FF2B5EF4-FFF2-40B4-BE49-F238E27FC236}">
                  <a16:creationId xmlns:a16="http://schemas.microsoft.com/office/drawing/2014/main" id="{36367122-A7B5-194E-AAA9-B81886961F98}"/>
                </a:ext>
              </a:extLst>
            </p:cNvPr>
            <p:cNvSpPr/>
            <p:nvPr/>
          </p:nvSpPr>
          <p:spPr>
            <a:xfrm>
              <a:off x="304308" y="357562"/>
              <a:ext cx="76079" cy="76079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6" name="Shape 102">
              <a:extLst>
                <a:ext uri="{FF2B5EF4-FFF2-40B4-BE49-F238E27FC236}">
                  <a16:creationId xmlns:a16="http://schemas.microsoft.com/office/drawing/2014/main" id="{809768F9-A552-D344-BB9C-066EE71BDFB4}"/>
                </a:ext>
              </a:extLst>
            </p:cNvPr>
            <p:cNvSpPr/>
            <p:nvPr/>
          </p:nvSpPr>
          <p:spPr>
            <a:xfrm>
              <a:off x="142644" y="483090"/>
              <a:ext cx="76079" cy="76079"/>
            </a:xfrm>
            <a:prstGeom prst="ellipse">
              <a:avLst/>
            </a:prstGeom>
            <a:solidFill>
              <a:srgbClr val="808285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7" name="Shape 103">
              <a:extLst>
                <a:ext uri="{FF2B5EF4-FFF2-40B4-BE49-F238E27FC236}">
                  <a16:creationId xmlns:a16="http://schemas.microsoft.com/office/drawing/2014/main" id="{210256A8-6EBD-124A-855D-071B4FC18E35}"/>
                </a:ext>
              </a:extLst>
            </p:cNvPr>
            <p:cNvSpPr/>
            <p:nvPr/>
          </p:nvSpPr>
          <p:spPr>
            <a:xfrm>
              <a:off x="154056" y="368973"/>
              <a:ext cx="53255" cy="53257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8" name="Shape 104">
              <a:extLst>
                <a:ext uri="{FF2B5EF4-FFF2-40B4-BE49-F238E27FC236}">
                  <a16:creationId xmlns:a16="http://schemas.microsoft.com/office/drawing/2014/main" id="{8A25E9E4-8626-FF4F-BD23-E63401E6DED6}"/>
                </a:ext>
              </a:extLst>
            </p:cNvPr>
            <p:cNvSpPr/>
            <p:nvPr/>
          </p:nvSpPr>
          <p:spPr>
            <a:xfrm>
              <a:off x="148350" y="237740"/>
              <a:ext cx="64667" cy="66569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49" name="Shape 105">
              <a:extLst>
                <a:ext uri="{FF2B5EF4-FFF2-40B4-BE49-F238E27FC236}">
                  <a16:creationId xmlns:a16="http://schemas.microsoft.com/office/drawing/2014/main" id="{2FE47A11-21DF-C14C-8A0F-859F58A4062C}"/>
                </a:ext>
              </a:extLst>
            </p:cNvPr>
            <p:cNvSpPr/>
            <p:nvPr/>
          </p:nvSpPr>
          <p:spPr>
            <a:xfrm>
              <a:off x="646654" y="125527"/>
              <a:ext cx="38041" cy="38041"/>
            </a:xfrm>
            <a:prstGeom prst="ellipse">
              <a:avLst/>
            </a:prstGeom>
            <a:solidFill>
              <a:srgbClr val="C6168C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50" name="Shape 106">
              <a:extLst>
                <a:ext uri="{FF2B5EF4-FFF2-40B4-BE49-F238E27FC236}">
                  <a16:creationId xmlns:a16="http://schemas.microsoft.com/office/drawing/2014/main" id="{C391B33D-7EC7-1D42-88D6-FE4A1A3015E0}"/>
                </a:ext>
              </a:extLst>
            </p:cNvPr>
            <p:cNvSpPr/>
            <p:nvPr/>
          </p:nvSpPr>
          <p:spPr>
            <a:xfrm>
              <a:off x="484991" y="376582"/>
              <a:ext cx="38041" cy="3804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  <p:sp>
          <p:nvSpPr>
            <p:cNvPr id="51" name="Shape 107">
              <a:extLst>
                <a:ext uri="{FF2B5EF4-FFF2-40B4-BE49-F238E27FC236}">
                  <a16:creationId xmlns:a16="http://schemas.microsoft.com/office/drawing/2014/main" id="{9F70568A-A9AE-5E4D-B86E-F858781E0E31}"/>
                </a:ext>
              </a:extLst>
            </p:cNvPr>
            <p:cNvSpPr/>
            <p:nvPr/>
          </p:nvSpPr>
          <p:spPr>
            <a:xfrm>
              <a:off x="-1" y="376582"/>
              <a:ext cx="38041" cy="38041"/>
            </a:xfrm>
            <a:prstGeom prst="ellipse">
              <a:avLst/>
            </a:prstGeom>
            <a:solidFill>
              <a:srgbClr val="00B1AF"/>
            </a:solidFill>
            <a:ln w="12700" cap="flat">
              <a:noFill/>
              <a:miter lim="400000"/>
            </a:ln>
            <a:effectLst/>
          </p:spPr>
          <p:txBody>
            <a:bodyPr wrap="square" lIns="50800" tIns="50800" rIns="50800" bIns="50800" numCol="1" anchor="t">
              <a:noAutofit/>
            </a:bodyPr>
            <a:lstStyle/>
            <a:p>
              <a:pPr algn="l" defTabSz="1300480">
                <a:defRPr sz="2400">
                  <a:latin typeface="Arial"/>
                  <a:ea typeface="Arial"/>
                  <a:cs typeface="Arial"/>
                  <a:sym typeface="Arial"/>
                </a:defRPr>
              </a:pPr>
              <a:endParaRPr/>
            </a:p>
          </p:txBody>
        </p:sp>
      </p:grpSp>
      <p:pic>
        <p:nvPicPr>
          <p:cNvPr id="52" name="image3.png">
            <a:extLst>
              <a:ext uri="{FF2B5EF4-FFF2-40B4-BE49-F238E27FC236}">
                <a16:creationId xmlns:a16="http://schemas.microsoft.com/office/drawing/2014/main" id="{3EDC1266-B67A-784D-AAF3-32EB41D2B68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/>
          </a:blip>
          <a:srcRect l="5251" t="10853" r="24666" b="21234"/>
          <a:stretch>
            <a:fillRect/>
          </a:stretch>
        </p:blipFill>
        <p:spPr>
          <a:xfrm>
            <a:off x="4948304" y="8719319"/>
            <a:ext cx="3108199" cy="752991"/>
          </a:xfrm>
          <a:prstGeom prst="rect">
            <a:avLst/>
          </a:prstGeom>
          <a:ln w="12700">
            <a:miter lim="400000"/>
          </a:ln>
        </p:spPr>
      </p:pic>
      <p:pic>
        <p:nvPicPr>
          <p:cNvPr id="53" name="image4.png">
            <a:extLst>
              <a:ext uri="{FF2B5EF4-FFF2-40B4-BE49-F238E27FC236}">
                <a16:creationId xmlns:a16="http://schemas.microsoft.com/office/drawing/2014/main" id="{29A53AE6-BD95-1A44-9ACA-8B522E190A3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/>
          </a:blip>
          <a:srcRect t="12587" r="7960" b="20519"/>
          <a:stretch>
            <a:fillRect/>
          </a:stretch>
        </p:blipFill>
        <p:spPr>
          <a:xfrm>
            <a:off x="305611" y="8719318"/>
            <a:ext cx="4144524" cy="753049"/>
          </a:xfrm>
          <a:prstGeom prst="rect">
            <a:avLst/>
          </a:prstGeom>
          <a:ln w="12700">
            <a:miter lim="400000"/>
          </a:ln>
        </p:spPr>
      </p:pic>
    </p:spTree>
    <p:extLst>
      <p:ext uri="{BB962C8B-B14F-4D97-AF65-F5344CB8AC3E}">
        <p14:creationId xmlns:p14="http://schemas.microsoft.com/office/powerpoint/2010/main" val="149550746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7F4E479C-9D73-AF4D-B4CC-569F8CF98A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Adaptive Interfaces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0ACD28C-9678-E547-B71D-E9A94E79C79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0</a:t>
            </a:fld>
            <a:endParaRPr lang="da-DK" dirty="0"/>
          </a:p>
        </p:txBody>
      </p:sp>
      <p:pic>
        <p:nvPicPr>
          <p:cNvPr id="3" name="image4.png">
            <a:extLst>
              <a:ext uri="{FF2B5EF4-FFF2-40B4-BE49-F238E27FC236}">
                <a16:creationId xmlns:a16="http://schemas.microsoft.com/office/drawing/2014/main" id="{BBA9BCF0-B650-C143-B220-73B692B0F2D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/>
          </a:blip>
          <a:srcRect t="12587" r="7960" b="20519"/>
          <a:stretch>
            <a:fillRect/>
          </a:stretch>
        </p:blipFill>
        <p:spPr>
          <a:xfrm>
            <a:off x="762811" y="9176518"/>
            <a:ext cx="4144524" cy="753049"/>
          </a:xfrm>
          <a:prstGeom prst="rect">
            <a:avLst/>
          </a:prstGeom>
          <a:ln w="12700">
            <a:miter lim="400000"/>
          </a:ln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B8E37CF4-3173-CC48-86D9-69E905B6C21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4726" y="1372983"/>
            <a:ext cx="8280920" cy="49247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425432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7F4E479C-9D73-AF4D-B4CC-569F8CF98A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Adaptive Interfaces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0ACD28C-9678-E547-B71D-E9A94E79C79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1</a:t>
            </a:fld>
            <a:endParaRPr lang="da-DK" dirty="0"/>
          </a:p>
        </p:txBody>
      </p:sp>
      <p:pic>
        <p:nvPicPr>
          <p:cNvPr id="3" name="image4.png">
            <a:extLst>
              <a:ext uri="{FF2B5EF4-FFF2-40B4-BE49-F238E27FC236}">
                <a16:creationId xmlns:a16="http://schemas.microsoft.com/office/drawing/2014/main" id="{BBA9BCF0-B650-C143-B220-73B692B0F2D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/>
          </a:blip>
          <a:srcRect t="12587" r="7960" b="20519"/>
          <a:stretch>
            <a:fillRect/>
          </a:stretch>
        </p:blipFill>
        <p:spPr>
          <a:xfrm>
            <a:off x="762811" y="9176518"/>
            <a:ext cx="4144524" cy="753049"/>
          </a:xfrm>
          <a:prstGeom prst="rect">
            <a:avLst/>
          </a:prstGeom>
          <a:ln w="12700">
            <a:miter lim="400000"/>
          </a:ln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7E5B37ED-AFAB-CF4D-B89B-4975C430677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63987" y="1421400"/>
            <a:ext cx="5976664" cy="49789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691366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0ACD28C-9678-E547-B71D-E9A94E79C79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2</a:t>
            </a:fld>
            <a:endParaRPr lang="da-DK" dirty="0"/>
          </a:p>
        </p:txBody>
      </p:sp>
      <p:pic>
        <p:nvPicPr>
          <p:cNvPr id="3" name="image4.png">
            <a:extLst>
              <a:ext uri="{FF2B5EF4-FFF2-40B4-BE49-F238E27FC236}">
                <a16:creationId xmlns:a16="http://schemas.microsoft.com/office/drawing/2014/main" id="{BBA9BCF0-B650-C143-B220-73B692B0F2D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/>
          </a:blip>
          <a:srcRect t="12587" r="7960" b="20519"/>
          <a:stretch>
            <a:fillRect/>
          </a:stretch>
        </p:blipFill>
        <p:spPr>
          <a:xfrm>
            <a:off x="762811" y="9176518"/>
            <a:ext cx="4144524" cy="753049"/>
          </a:xfrm>
          <a:prstGeom prst="rect">
            <a:avLst/>
          </a:prstGeom>
          <a:ln w="12700">
            <a:miter lim="400000"/>
          </a:ln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1CF99088-BB14-114C-B320-231E0F57D4A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46734" y="836712"/>
            <a:ext cx="8895819" cy="53823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3379426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65" name="Acknowledgement"/>
          <p:cNvSpPr txBox="1"/>
          <p:nvPr/>
        </p:nvSpPr>
        <p:spPr>
          <a:xfrm>
            <a:off x="1083481" y="0"/>
            <a:ext cx="1461136" cy="658800"/>
          </a:xfrm>
          <a:prstGeom prst="rect">
            <a:avLst/>
          </a:prstGeom>
          <a:ln w="3175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32146" tIns="32146" rIns="32146" bIns="32146">
            <a:spAutoFit/>
          </a:bodyPr>
          <a:lstStyle>
            <a:lvl1pPr>
              <a:lnSpc>
                <a:spcPts val="5800"/>
              </a:lnSpc>
              <a:tabLst>
                <a:tab pos="6261100" algn="l"/>
              </a:tabLst>
              <a:defRPr sz="2400" b="1">
                <a:solidFill>
                  <a:srgbClr val="424242"/>
                </a:solidFill>
                <a:latin typeface="+mn-lt"/>
                <a:ea typeface="+mn-ea"/>
                <a:cs typeface="+mn-cs"/>
                <a:sym typeface="OpenSans-SemiBold"/>
              </a:defRPr>
            </a:lvl1pPr>
          </a:lstStyle>
          <a:p>
            <a:r>
              <a:rPr sz="1234"/>
              <a:t>Acknowledgement</a:t>
            </a:r>
          </a:p>
        </p:txBody>
      </p:sp>
      <p:sp>
        <p:nvSpPr>
          <p:cNvPr id="1066" name="Michael Kai Petersen, PhD…"/>
          <p:cNvSpPr txBox="1"/>
          <p:nvPr/>
        </p:nvSpPr>
        <p:spPr>
          <a:xfrm>
            <a:off x="1083481" y="2180132"/>
            <a:ext cx="4849573" cy="2096245"/>
          </a:xfrm>
          <a:prstGeom prst="rect">
            <a:avLst/>
          </a:prstGeom>
          <a:ln w="3175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32146" tIns="32146" rIns="32146" bIns="32146" anchor="ctr">
            <a:spAutoFit/>
          </a:bodyPr>
          <a:lstStyle/>
          <a:p>
            <a:pPr defTabSz="410777">
              <a:defRPr>
                <a:solidFill>
                  <a:srgbClr val="000000"/>
                </a:solidFill>
                <a:latin typeface="Helvetica Light"/>
                <a:ea typeface="Helvetica Light"/>
                <a:cs typeface="Helvetica Light"/>
                <a:sym typeface="Helvetica Light"/>
              </a:defRPr>
            </a:pPr>
            <a:r>
              <a:rPr sz="2400"/>
              <a:t>Michael Kai Petersen, PhD</a:t>
            </a:r>
          </a:p>
          <a:p>
            <a:pPr defTabSz="410777">
              <a:defRPr>
                <a:solidFill>
                  <a:srgbClr val="000000"/>
                </a:solidFill>
                <a:latin typeface="Helvetica Light"/>
                <a:ea typeface="Helvetica Light"/>
                <a:cs typeface="Helvetica Light"/>
                <a:sym typeface="Helvetica Light"/>
              </a:defRPr>
            </a:pPr>
            <a:r>
              <a:rPr sz="2400"/>
              <a:t>Maciej Jan Korzepa, MSc Eng.</a:t>
            </a:r>
          </a:p>
          <a:p>
            <a:pPr defTabSz="410777">
              <a:defRPr>
                <a:solidFill>
                  <a:srgbClr val="000000"/>
                </a:solidFill>
                <a:latin typeface="Helvetica Light"/>
                <a:ea typeface="Helvetica Light"/>
                <a:cs typeface="Helvetica Light"/>
                <a:sym typeface="Helvetica Light"/>
              </a:defRPr>
            </a:pPr>
            <a:r>
              <a:rPr sz="2400"/>
              <a:t>Niels Henrik Pontoppidan, PhD</a:t>
            </a:r>
          </a:p>
          <a:p>
            <a:pPr defTabSz="410777">
              <a:defRPr>
                <a:solidFill>
                  <a:srgbClr val="000000"/>
                </a:solidFill>
                <a:latin typeface="Helvetica Light"/>
                <a:ea typeface="Helvetica Light"/>
                <a:cs typeface="Helvetica Light"/>
                <a:sym typeface="Helvetica Light"/>
              </a:defRPr>
            </a:pPr>
            <a:r>
              <a:rPr sz="2400"/>
              <a:t>Jakob Eg Larsen, PhD</a:t>
            </a:r>
          </a:p>
        </p:txBody>
      </p:sp>
      <p:pic>
        <p:nvPicPr>
          <p:cNvPr id="1067" name="Image" descr="Image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6767943" y="1373096"/>
            <a:ext cx="3654375" cy="337135"/>
          </a:xfrm>
          <a:prstGeom prst="rect">
            <a:avLst/>
          </a:prstGeom>
          <a:ln w="3175">
            <a:miter lim="400000"/>
          </a:ln>
        </p:spPr>
      </p:pic>
      <p:pic>
        <p:nvPicPr>
          <p:cNvPr id="1068" name="Image" descr="Image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6095206" y="-1493890"/>
            <a:ext cx="1345474" cy="1045029"/>
          </a:xfrm>
          <a:prstGeom prst="rect">
            <a:avLst/>
          </a:prstGeom>
          <a:ln w="3175">
            <a:miter lim="400000"/>
          </a:ln>
        </p:spPr>
      </p:pic>
      <p:pic>
        <p:nvPicPr>
          <p:cNvPr id="1069" name="Image" descr="Image"/>
          <p:cNvPicPr>
            <a:picLocks noChangeAspect="1"/>
          </p:cNvPicPr>
          <p:nvPr/>
        </p:nvPicPr>
        <p:blipFill>
          <a:blip r:embed="rId4">
            <a:extLst/>
          </a:blip>
          <a:srcRect l="6337" t="10854" r="24666" b="21234"/>
          <a:stretch>
            <a:fillRect/>
          </a:stretch>
        </p:blipFill>
        <p:spPr>
          <a:xfrm>
            <a:off x="6767943" y="2186325"/>
            <a:ext cx="3426204" cy="843095"/>
          </a:xfrm>
          <a:prstGeom prst="rect">
            <a:avLst/>
          </a:prstGeom>
          <a:ln w="3175">
            <a:miter lim="400000"/>
          </a:ln>
        </p:spPr>
      </p:pic>
      <p:pic>
        <p:nvPicPr>
          <p:cNvPr id="1070" name="Image" descr="Image"/>
          <p:cNvPicPr>
            <a:picLocks noChangeAspect="1"/>
          </p:cNvPicPr>
          <p:nvPr/>
        </p:nvPicPr>
        <p:blipFill>
          <a:blip r:embed="rId5">
            <a:extLst/>
          </a:blip>
          <a:srcRect t="12587" r="7960" b="20519"/>
          <a:stretch>
            <a:fillRect/>
          </a:stretch>
        </p:blipFill>
        <p:spPr>
          <a:xfrm>
            <a:off x="6767943" y="3328192"/>
            <a:ext cx="3808562" cy="692005"/>
          </a:xfrm>
          <a:prstGeom prst="rect">
            <a:avLst/>
          </a:prstGeom>
          <a:ln w="3175">
            <a:miter lim="400000"/>
          </a:ln>
        </p:spPr>
      </p:pic>
      <p:grpSp>
        <p:nvGrpSpPr>
          <p:cNvPr id="1117" name="Group"/>
          <p:cNvGrpSpPr/>
          <p:nvPr/>
        </p:nvGrpSpPr>
        <p:grpSpPr>
          <a:xfrm>
            <a:off x="6767943" y="4422269"/>
            <a:ext cx="3501036" cy="636260"/>
            <a:chOff x="0" y="0"/>
            <a:chExt cx="6807569" cy="1237171"/>
          </a:xfrm>
        </p:grpSpPr>
        <p:sp>
          <p:nvSpPr>
            <p:cNvPr id="1071" name="Shape"/>
            <p:cNvSpPr/>
            <p:nvPr/>
          </p:nvSpPr>
          <p:spPr>
            <a:xfrm>
              <a:off x="5701611" y="1037224"/>
              <a:ext cx="181203" cy="199948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14" y="21600"/>
                  </a:moveTo>
                  <a:cubicBezTo>
                    <a:pt x="10714" y="21600"/>
                    <a:pt x="9504" y="21600"/>
                    <a:pt x="9504" y="21600"/>
                  </a:cubicBezTo>
                  <a:cubicBezTo>
                    <a:pt x="397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74" y="0"/>
                    <a:pt x="9504" y="0"/>
                  </a:cubicBezTo>
                  <a:cubicBezTo>
                    <a:pt x="9504" y="0"/>
                    <a:pt x="10714" y="0"/>
                    <a:pt x="10714" y="0"/>
                  </a:cubicBezTo>
                  <a:lnTo>
                    <a:pt x="11923" y="0"/>
                  </a:lnTo>
                  <a:cubicBezTo>
                    <a:pt x="17539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39" y="21520"/>
                    <a:pt x="11923" y="21600"/>
                  </a:cubicBezTo>
                  <a:cubicBezTo>
                    <a:pt x="11923" y="21600"/>
                    <a:pt x="10800" y="21600"/>
                    <a:pt x="10714" y="21600"/>
                  </a:cubicBezTo>
                  <a:close/>
                  <a:moveTo>
                    <a:pt x="18749" y="8927"/>
                  </a:moveTo>
                  <a:cubicBezTo>
                    <a:pt x="18749" y="3906"/>
                    <a:pt x="15379" y="2311"/>
                    <a:pt x="11923" y="2311"/>
                  </a:cubicBezTo>
                  <a:cubicBezTo>
                    <a:pt x="11923" y="2311"/>
                    <a:pt x="10800" y="2311"/>
                    <a:pt x="10714" y="2311"/>
                  </a:cubicBezTo>
                  <a:cubicBezTo>
                    <a:pt x="10714" y="2311"/>
                    <a:pt x="9504" y="2311"/>
                    <a:pt x="9504" y="2311"/>
                  </a:cubicBezTo>
                  <a:cubicBezTo>
                    <a:pt x="6134" y="2311"/>
                    <a:pt x="2851" y="3906"/>
                    <a:pt x="2851" y="8927"/>
                  </a:cubicBezTo>
                  <a:lnTo>
                    <a:pt x="2851" y="12593"/>
                  </a:lnTo>
                  <a:cubicBezTo>
                    <a:pt x="2851" y="17615"/>
                    <a:pt x="6134" y="19209"/>
                    <a:pt x="9504" y="19289"/>
                  </a:cubicBezTo>
                  <a:cubicBezTo>
                    <a:pt x="9504" y="19289"/>
                    <a:pt x="10714" y="19289"/>
                    <a:pt x="10714" y="19289"/>
                  </a:cubicBezTo>
                  <a:cubicBezTo>
                    <a:pt x="10800" y="19289"/>
                    <a:pt x="11923" y="19289"/>
                    <a:pt x="11923" y="19289"/>
                  </a:cubicBezTo>
                  <a:cubicBezTo>
                    <a:pt x="15379" y="19209"/>
                    <a:pt x="18749" y="17615"/>
                    <a:pt x="18749" y="12593"/>
                  </a:cubicBezTo>
                  <a:lnTo>
                    <a:pt x="18749" y="8927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72" name="Shape"/>
            <p:cNvSpPr/>
            <p:nvPr/>
          </p:nvSpPr>
          <p:spPr>
            <a:xfrm>
              <a:off x="6395177" y="1037224"/>
              <a:ext cx="178079" cy="199948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57" y="21600"/>
                  </a:moveTo>
                  <a:cubicBezTo>
                    <a:pt x="10670" y="21600"/>
                    <a:pt x="9542" y="21600"/>
                    <a:pt x="9455" y="21600"/>
                  </a:cubicBezTo>
                  <a:cubicBezTo>
                    <a:pt x="390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04" y="0"/>
                    <a:pt x="9455" y="0"/>
                  </a:cubicBezTo>
                  <a:cubicBezTo>
                    <a:pt x="9542" y="0"/>
                    <a:pt x="10670" y="0"/>
                    <a:pt x="10757" y="0"/>
                  </a:cubicBezTo>
                  <a:lnTo>
                    <a:pt x="11971" y="0"/>
                  </a:lnTo>
                  <a:cubicBezTo>
                    <a:pt x="17523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23" y="21520"/>
                    <a:pt x="11971" y="21600"/>
                  </a:cubicBezTo>
                  <a:cubicBezTo>
                    <a:pt x="11884" y="21600"/>
                    <a:pt x="10757" y="21600"/>
                    <a:pt x="10757" y="21600"/>
                  </a:cubicBezTo>
                  <a:close/>
                  <a:moveTo>
                    <a:pt x="18737" y="8927"/>
                  </a:moveTo>
                  <a:cubicBezTo>
                    <a:pt x="18737" y="3906"/>
                    <a:pt x="15354" y="2311"/>
                    <a:pt x="11971" y="2311"/>
                  </a:cubicBezTo>
                  <a:cubicBezTo>
                    <a:pt x="11884" y="2311"/>
                    <a:pt x="10757" y="2311"/>
                    <a:pt x="10757" y="2311"/>
                  </a:cubicBezTo>
                  <a:cubicBezTo>
                    <a:pt x="10670" y="2311"/>
                    <a:pt x="9542" y="2311"/>
                    <a:pt x="9455" y="2311"/>
                  </a:cubicBezTo>
                  <a:cubicBezTo>
                    <a:pt x="6072" y="2311"/>
                    <a:pt x="2863" y="3906"/>
                    <a:pt x="2863" y="8927"/>
                  </a:cubicBezTo>
                  <a:lnTo>
                    <a:pt x="2863" y="12593"/>
                  </a:lnTo>
                  <a:cubicBezTo>
                    <a:pt x="2863" y="17615"/>
                    <a:pt x="6072" y="19209"/>
                    <a:pt x="9455" y="19289"/>
                  </a:cubicBezTo>
                  <a:cubicBezTo>
                    <a:pt x="9542" y="19289"/>
                    <a:pt x="10670" y="19289"/>
                    <a:pt x="10757" y="19289"/>
                  </a:cubicBezTo>
                  <a:cubicBezTo>
                    <a:pt x="10757" y="19289"/>
                    <a:pt x="11884" y="19289"/>
                    <a:pt x="11971" y="19289"/>
                  </a:cubicBezTo>
                  <a:cubicBezTo>
                    <a:pt x="15354" y="19209"/>
                    <a:pt x="18737" y="17615"/>
                    <a:pt x="18737" y="12593"/>
                  </a:cubicBezTo>
                  <a:lnTo>
                    <a:pt x="18737" y="8927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73" name="Shape"/>
            <p:cNvSpPr/>
            <p:nvPr/>
          </p:nvSpPr>
          <p:spPr>
            <a:xfrm>
              <a:off x="5207993" y="1037224"/>
              <a:ext cx="178079" cy="199948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714" y="21600"/>
                  </a:moveTo>
                  <a:cubicBezTo>
                    <a:pt x="10714" y="21600"/>
                    <a:pt x="9504" y="21600"/>
                    <a:pt x="9504" y="21600"/>
                  </a:cubicBezTo>
                  <a:cubicBezTo>
                    <a:pt x="3974" y="21520"/>
                    <a:pt x="0" y="18492"/>
                    <a:pt x="0" y="12593"/>
                  </a:cubicBezTo>
                  <a:lnTo>
                    <a:pt x="0" y="8927"/>
                  </a:lnTo>
                  <a:cubicBezTo>
                    <a:pt x="0" y="3029"/>
                    <a:pt x="3974" y="0"/>
                    <a:pt x="9504" y="0"/>
                  </a:cubicBezTo>
                  <a:cubicBezTo>
                    <a:pt x="9504" y="0"/>
                    <a:pt x="10714" y="0"/>
                    <a:pt x="10714" y="0"/>
                  </a:cubicBezTo>
                  <a:lnTo>
                    <a:pt x="11923" y="0"/>
                  </a:lnTo>
                  <a:cubicBezTo>
                    <a:pt x="17539" y="0"/>
                    <a:pt x="21600" y="3029"/>
                    <a:pt x="21600" y="8927"/>
                  </a:cubicBezTo>
                  <a:lnTo>
                    <a:pt x="21600" y="12593"/>
                  </a:lnTo>
                  <a:cubicBezTo>
                    <a:pt x="21600" y="18492"/>
                    <a:pt x="17539" y="21520"/>
                    <a:pt x="11923" y="21600"/>
                  </a:cubicBezTo>
                  <a:cubicBezTo>
                    <a:pt x="11923" y="21600"/>
                    <a:pt x="10800" y="21600"/>
                    <a:pt x="10714" y="21600"/>
                  </a:cubicBezTo>
                  <a:close/>
                  <a:moveTo>
                    <a:pt x="18749" y="8927"/>
                  </a:moveTo>
                  <a:cubicBezTo>
                    <a:pt x="18749" y="3906"/>
                    <a:pt x="15379" y="2311"/>
                    <a:pt x="11923" y="2311"/>
                  </a:cubicBezTo>
                  <a:cubicBezTo>
                    <a:pt x="11923" y="2311"/>
                    <a:pt x="10800" y="2311"/>
                    <a:pt x="10714" y="2311"/>
                  </a:cubicBezTo>
                  <a:cubicBezTo>
                    <a:pt x="10714" y="2311"/>
                    <a:pt x="9504" y="2311"/>
                    <a:pt x="9504" y="2311"/>
                  </a:cubicBezTo>
                  <a:cubicBezTo>
                    <a:pt x="6134" y="2311"/>
                    <a:pt x="2851" y="3906"/>
                    <a:pt x="2851" y="8927"/>
                  </a:cubicBezTo>
                  <a:lnTo>
                    <a:pt x="2851" y="12593"/>
                  </a:lnTo>
                  <a:cubicBezTo>
                    <a:pt x="2851" y="17615"/>
                    <a:pt x="6134" y="19209"/>
                    <a:pt x="9504" y="19289"/>
                  </a:cubicBezTo>
                  <a:cubicBezTo>
                    <a:pt x="9590" y="19289"/>
                    <a:pt x="10714" y="19289"/>
                    <a:pt x="10714" y="19289"/>
                  </a:cubicBezTo>
                  <a:cubicBezTo>
                    <a:pt x="10800" y="19289"/>
                    <a:pt x="11923" y="19289"/>
                    <a:pt x="11923" y="19289"/>
                  </a:cubicBezTo>
                  <a:cubicBezTo>
                    <a:pt x="15379" y="19209"/>
                    <a:pt x="18749" y="17615"/>
                    <a:pt x="18749" y="12593"/>
                  </a:cubicBezTo>
                  <a:lnTo>
                    <a:pt x="18749" y="8927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74" name="Shape"/>
            <p:cNvSpPr/>
            <p:nvPr/>
          </p:nvSpPr>
          <p:spPr>
            <a:xfrm>
              <a:off x="4326976" y="1040349"/>
              <a:ext cx="159334" cy="193699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3114" y="13191"/>
                  </a:moveTo>
                  <a:lnTo>
                    <a:pt x="3114" y="21600"/>
                  </a:lnTo>
                  <a:lnTo>
                    <a:pt x="0" y="21600"/>
                  </a:lnTo>
                  <a:lnTo>
                    <a:pt x="0" y="0"/>
                  </a:lnTo>
                  <a:cubicBezTo>
                    <a:pt x="1654" y="0"/>
                    <a:pt x="8270" y="0"/>
                    <a:pt x="9827" y="0"/>
                  </a:cubicBezTo>
                  <a:cubicBezTo>
                    <a:pt x="16249" y="0"/>
                    <a:pt x="21503" y="247"/>
                    <a:pt x="21600" y="6760"/>
                  </a:cubicBezTo>
                  <a:cubicBezTo>
                    <a:pt x="21600" y="13108"/>
                    <a:pt x="15470" y="13191"/>
                    <a:pt x="8270" y="13191"/>
                  </a:cubicBezTo>
                  <a:lnTo>
                    <a:pt x="3114" y="13191"/>
                  </a:lnTo>
                  <a:close/>
                  <a:moveTo>
                    <a:pt x="9827" y="2391"/>
                  </a:moveTo>
                  <a:lnTo>
                    <a:pt x="3114" y="2391"/>
                  </a:lnTo>
                  <a:lnTo>
                    <a:pt x="3114" y="10800"/>
                  </a:lnTo>
                  <a:lnTo>
                    <a:pt x="9146" y="10800"/>
                  </a:lnTo>
                  <a:cubicBezTo>
                    <a:pt x="15276" y="10800"/>
                    <a:pt x="18389" y="10718"/>
                    <a:pt x="18389" y="6760"/>
                  </a:cubicBezTo>
                  <a:cubicBezTo>
                    <a:pt x="18389" y="2473"/>
                    <a:pt x="15470" y="2391"/>
                    <a:pt x="9827" y="2391"/>
                  </a:cubicBez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75" name="Shape"/>
            <p:cNvSpPr/>
            <p:nvPr/>
          </p:nvSpPr>
          <p:spPr>
            <a:xfrm>
              <a:off x="4908072" y="1040349"/>
              <a:ext cx="174955" cy="193699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0"/>
                  </a:moveTo>
                  <a:lnTo>
                    <a:pt x="21600" y="2391"/>
                  </a:lnTo>
                  <a:lnTo>
                    <a:pt x="12228" y="2391"/>
                  </a:lnTo>
                  <a:lnTo>
                    <a:pt x="12228" y="21600"/>
                  </a:lnTo>
                  <a:lnTo>
                    <a:pt x="9372" y="21600"/>
                  </a:lnTo>
                  <a:lnTo>
                    <a:pt x="9372" y="2391"/>
                  </a:lnTo>
                  <a:lnTo>
                    <a:pt x="0" y="2391"/>
                  </a:lnTo>
                  <a:lnTo>
                    <a:pt x="0" y="0"/>
                  </a:lnTo>
                  <a:lnTo>
                    <a:pt x="21600" y="0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76" name="Shape"/>
            <p:cNvSpPr/>
            <p:nvPr/>
          </p:nvSpPr>
          <p:spPr>
            <a:xfrm>
              <a:off x="5904683" y="1040349"/>
              <a:ext cx="171830" cy="193699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0"/>
                  </a:moveTo>
                  <a:lnTo>
                    <a:pt x="21600" y="2391"/>
                  </a:lnTo>
                  <a:lnTo>
                    <a:pt x="12228" y="2391"/>
                  </a:lnTo>
                  <a:lnTo>
                    <a:pt x="12228" y="21600"/>
                  </a:lnTo>
                  <a:lnTo>
                    <a:pt x="9283" y="21600"/>
                  </a:lnTo>
                  <a:lnTo>
                    <a:pt x="9283" y="2391"/>
                  </a:lnTo>
                  <a:lnTo>
                    <a:pt x="0" y="2391"/>
                  </a:lnTo>
                  <a:lnTo>
                    <a:pt x="0" y="0"/>
                  </a:lnTo>
                  <a:lnTo>
                    <a:pt x="21600" y="0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77" name="Rectangle"/>
            <p:cNvSpPr/>
            <p:nvPr/>
          </p:nvSpPr>
          <p:spPr>
            <a:xfrm>
              <a:off x="6131185" y="1040349"/>
              <a:ext cx="24994" cy="193699"/>
            </a:xfrm>
            <a:prstGeom prst="rect">
              <a:avLst/>
            </a:pr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78" name="Shape"/>
            <p:cNvSpPr/>
            <p:nvPr/>
          </p:nvSpPr>
          <p:spPr>
            <a:xfrm>
              <a:off x="5436057" y="1040349"/>
              <a:ext cx="143713" cy="193699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3529" y="2391"/>
                  </a:moveTo>
                  <a:lnTo>
                    <a:pt x="3529" y="9151"/>
                  </a:lnTo>
                  <a:lnTo>
                    <a:pt x="20745" y="9151"/>
                  </a:lnTo>
                  <a:lnTo>
                    <a:pt x="20745" y="11624"/>
                  </a:lnTo>
                  <a:lnTo>
                    <a:pt x="3529" y="11624"/>
                  </a:lnTo>
                  <a:lnTo>
                    <a:pt x="3529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21600" y="0"/>
                  </a:lnTo>
                  <a:lnTo>
                    <a:pt x="21600" y="2391"/>
                  </a:lnTo>
                  <a:lnTo>
                    <a:pt x="3529" y="2391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79" name="Shape"/>
            <p:cNvSpPr/>
            <p:nvPr/>
          </p:nvSpPr>
          <p:spPr>
            <a:xfrm>
              <a:off x="6623242" y="1040349"/>
              <a:ext cx="174954" cy="193699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8955" y="18797"/>
                  </a:moveTo>
                  <a:lnTo>
                    <a:pt x="19043" y="18797"/>
                  </a:lnTo>
                  <a:cubicBezTo>
                    <a:pt x="18955" y="17066"/>
                    <a:pt x="18867" y="15334"/>
                    <a:pt x="18867" y="14015"/>
                  </a:cubicBezTo>
                  <a:lnTo>
                    <a:pt x="18867" y="0"/>
                  </a:lnTo>
                  <a:lnTo>
                    <a:pt x="21600" y="0"/>
                  </a:lnTo>
                  <a:lnTo>
                    <a:pt x="21600" y="21600"/>
                  </a:lnTo>
                  <a:lnTo>
                    <a:pt x="17544" y="21600"/>
                  </a:lnTo>
                  <a:lnTo>
                    <a:pt x="2557" y="2473"/>
                  </a:lnTo>
                  <a:cubicBezTo>
                    <a:pt x="2645" y="3875"/>
                    <a:pt x="2645" y="5441"/>
                    <a:pt x="2645" y="6925"/>
                  </a:cubicBezTo>
                  <a:lnTo>
                    <a:pt x="2645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4144" y="0"/>
                  </a:lnTo>
                  <a:lnTo>
                    <a:pt x="18955" y="18797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80" name="Shape"/>
            <p:cNvSpPr/>
            <p:nvPr/>
          </p:nvSpPr>
          <p:spPr>
            <a:xfrm>
              <a:off x="4489433" y="1040349"/>
              <a:ext cx="199948" cy="193699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800" y="14510"/>
                  </a:moveTo>
                  <a:lnTo>
                    <a:pt x="5246" y="14510"/>
                  </a:lnTo>
                  <a:lnTo>
                    <a:pt x="2469" y="21600"/>
                  </a:lnTo>
                  <a:lnTo>
                    <a:pt x="0" y="21600"/>
                  </a:lnTo>
                  <a:lnTo>
                    <a:pt x="8563" y="0"/>
                  </a:lnTo>
                  <a:lnTo>
                    <a:pt x="13037" y="0"/>
                  </a:lnTo>
                  <a:lnTo>
                    <a:pt x="21600" y="21600"/>
                  </a:lnTo>
                  <a:lnTo>
                    <a:pt x="19054" y="21600"/>
                  </a:lnTo>
                  <a:lnTo>
                    <a:pt x="16354" y="14510"/>
                  </a:lnTo>
                  <a:lnTo>
                    <a:pt x="10800" y="14510"/>
                  </a:lnTo>
                  <a:close/>
                  <a:moveTo>
                    <a:pt x="15429" y="12037"/>
                  </a:moveTo>
                  <a:lnTo>
                    <a:pt x="12806" y="5771"/>
                  </a:lnTo>
                  <a:cubicBezTo>
                    <a:pt x="12343" y="4617"/>
                    <a:pt x="11957" y="3545"/>
                    <a:pt x="11571" y="2226"/>
                  </a:cubicBezTo>
                  <a:lnTo>
                    <a:pt x="9951" y="2226"/>
                  </a:lnTo>
                  <a:cubicBezTo>
                    <a:pt x="9643" y="3545"/>
                    <a:pt x="9257" y="4617"/>
                    <a:pt x="8794" y="5771"/>
                  </a:cubicBezTo>
                  <a:lnTo>
                    <a:pt x="6171" y="12037"/>
                  </a:lnTo>
                  <a:lnTo>
                    <a:pt x="15429" y="12037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81" name="Shape"/>
            <p:cNvSpPr/>
            <p:nvPr/>
          </p:nvSpPr>
          <p:spPr>
            <a:xfrm>
              <a:off x="6217100" y="1037224"/>
              <a:ext cx="137464" cy="196824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2712" y="21600"/>
                  </a:moveTo>
                  <a:cubicBezTo>
                    <a:pt x="6862" y="21600"/>
                    <a:pt x="0" y="19846"/>
                    <a:pt x="0" y="12514"/>
                  </a:cubicBezTo>
                  <a:lnTo>
                    <a:pt x="0" y="9086"/>
                  </a:lnTo>
                  <a:cubicBezTo>
                    <a:pt x="0" y="1754"/>
                    <a:pt x="6862" y="0"/>
                    <a:pt x="12712" y="0"/>
                  </a:cubicBezTo>
                  <a:cubicBezTo>
                    <a:pt x="16200" y="0"/>
                    <a:pt x="20025" y="399"/>
                    <a:pt x="21600" y="478"/>
                  </a:cubicBezTo>
                  <a:lnTo>
                    <a:pt x="21600" y="2630"/>
                  </a:lnTo>
                  <a:cubicBezTo>
                    <a:pt x="19238" y="2471"/>
                    <a:pt x="15525" y="2311"/>
                    <a:pt x="12712" y="2311"/>
                  </a:cubicBezTo>
                  <a:cubicBezTo>
                    <a:pt x="7312" y="2311"/>
                    <a:pt x="3600" y="3906"/>
                    <a:pt x="3600" y="9086"/>
                  </a:cubicBezTo>
                  <a:lnTo>
                    <a:pt x="3600" y="12514"/>
                  </a:lnTo>
                  <a:cubicBezTo>
                    <a:pt x="3600" y="17694"/>
                    <a:pt x="7312" y="19289"/>
                    <a:pt x="12712" y="19289"/>
                  </a:cubicBezTo>
                  <a:cubicBezTo>
                    <a:pt x="15525" y="19289"/>
                    <a:pt x="19238" y="19129"/>
                    <a:pt x="21600" y="19049"/>
                  </a:cubicBezTo>
                  <a:lnTo>
                    <a:pt x="21600" y="21122"/>
                  </a:lnTo>
                  <a:cubicBezTo>
                    <a:pt x="20025" y="21281"/>
                    <a:pt x="16200" y="21600"/>
                    <a:pt x="12712" y="21600"/>
                  </a:cubicBez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82" name="Shape"/>
            <p:cNvSpPr/>
            <p:nvPr/>
          </p:nvSpPr>
          <p:spPr>
            <a:xfrm>
              <a:off x="4720622" y="1040349"/>
              <a:ext cx="168706" cy="193699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21600" y="21600"/>
                  </a:moveTo>
                  <a:lnTo>
                    <a:pt x="15559" y="12614"/>
                  </a:lnTo>
                  <a:cubicBezTo>
                    <a:pt x="18488" y="11954"/>
                    <a:pt x="20319" y="10388"/>
                    <a:pt x="20319" y="6760"/>
                  </a:cubicBezTo>
                  <a:cubicBezTo>
                    <a:pt x="20319" y="247"/>
                    <a:pt x="15285" y="0"/>
                    <a:pt x="9244" y="0"/>
                  </a:cubicBezTo>
                  <a:cubicBezTo>
                    <a:pt x="7780" y="0"/>
                    <a:pt x="1556" y="0"/>
                    <a:pt x="0" y="0"/>
                  </a:cubicBezTo>
                  <a:lnTo>
                    <a:pt x="0" y="21600"/>
                  </a:lnTo>
                  <a:lnTo>
                    <a:pt x="2929" y="21600"/>
                  </a:lnTo>
                  <a:lnTo>
                    <a:pt x="2929" y="13191"/>
                  </a:lnTo>
                  <a:lnTo>
                    <a:pt x="7780" y="13191"/>
                  </a:lnTo>
                  <a:cubicBezTo>
                    <a:pt x="9519" y="13191"/>
                    <a:pt x="11166" y="13191"/>
                    <a:pt x="12631" y="13108"/>
                  </a:cubicBezTo>
                  <a:lnTo>
                    <a:pt x="18305" y="21600"/>
                  </a:lnTo>
                  <a:lnTo>
                    <a:pt x="21600" y="21600"/>
                  </a:lnTo>
                  <a:close/>
                  <a:moveTo>
                    <a:pt x="2929" y="10800"/>
                  </a:moveTo>
                  <a:lnTo>
                    <a:pt x="2929" y="2391"/>
                  </a:lnTo>
                  <a:lnTo>
                    <a:pt x="9244" y="2391"/>
                  </a:lnTo>
                  <a:cubicBezTo>
                    <a:pt x="14553" y="2391"/>
                    <a:pt x="17298" y="2473"/>
                    <a:pt x="17298" y="6760"/>
                  </a:cubicBezTo>
                  <a:cubicBezTo>
                    <a:pt x="17298" y="10718"/>
                    <a:pt x="14369" y="10800"/>
                    <a:pt x="8603" y="10800"/>
                  </a:cubicBezTo>
                  <a:lnTo>
                    <a:pt x="2929" y="10800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83" name="Shape"/>
            <p:cNvSpPr/>
            <p:nvPr/>
          </p:nvSpPr>
          <p:spPr>
            <a:xfrm>
              <a:off x="1124701" y="534233"/>
              <a:ext cx="224941" cy="359281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21600"/>
                  </a:moveTo>
                  <a:lnTo>
                    <a:pt x="0" y="0"/>
                  </a:lnTo>
                  <a:lnTo>
                    <a:pt x="21600" y="0"/>
                  </a:lnTo>
                  <a:lnTo>
                    <a:pt x="21600" y="3330"/>
                  </a:lnTo>
                  <a:lnTo>
                    <a:pt x="6349" y="3330"/>
                  </a:lnTo>
                  <a:lnTo>
                    <a:pt x="6349" y="8850"/>
                  </a:lnTo>
                  <a:lnTo>
                    <a:pt x="20634" y="8850"/>
                  </a:lnTo>
                  <a:lnTo>
                    <a:pt x="20634" y="12092"/>
                  </a:lnTo>
                  <a:lnTo>
                    <a:pt x="6349" y="12092"/>
                  </a:lnTo>
                  <a:lnTo>
                    <a:pt x="6349" y="18226"/>
                  </a:lnTo>
                  <a:lnTo>
                    <a:pt x="21600" y="18226"/>
                  </a:lnTo>
                  <a:lnTo>
                    <a:pt x="21600" y="21600"/>
                  </a:lnTo>
                  <a:lnTo>
                    <a:pt x="0" y="21600"/>
                  </a:lnTo>
                  <a:close/>
                </a:path>
              </a:pathLst>
            </a:custGeom>
            <a:solidFill>
              <a:srgbClr val="4B4B4D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84" name="Shape"/>
            <p:cNvSpPr/>
            <p:nvPr/>
          </p:nvSpPr>
          <p:spPr>
            <a:xfrm>
              <a:off x="1412125" y="615461"/>
              <a:ext cx="149961" cy="27805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8949" y="5809"/>
                  </a:moveTo>
                  <a:lnTo>
                    <a:pt x="8949" y="21600"/>
                  </a:lnTo>
                  <a:lnTo>
                    <a:pt x="0" y="21600"/>
                  </a:lnTo>
                  <a:lnTo>
                    <a:pt x="0" y="508"/>
                  </a:lnTo>
                  <a:lnTo>
                    <a:pt x="8537" y="508"/>
                  </a:lnTo>
                  <a:lnTo>
                    <a:pt x="8537" y="2199"/>
                  </a:lnTo>
                  <a:cubicBezTo>
                    <a:pt x="12137" y="451"/>
                    <a:pt x="16869" y="0"/>
                    <a:pt x="21600" y="0"/>
                  </a:cubicBezTo>
                  <a:lnTo>
                    <a:pt x="21600" y="4512"/>
                  </a:lnTo>
                  <a:cubicBezTo>
                    <a:pt x="16971" y="4512"/>
                    <a:pt x="11829" y="5019"/>
                    <a:pt x="8949" y="5809"/>
                  </a:cubicBezTo>
                  <a:close/>
                </a:path>
              </a:pathLst>
            </a:custGeom>
            <a:solidFill>
              <a:srgbClr val="4B4B4D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85" name="Shape"/>
            <p:cNvSpPr/>
            <p:nvPr/>
          </p:nvSpPr>
          <p:spPr>
            <a:xfrm>
              <a:off x="1605823" y="518612"/>
              <a:ext cx="65609" cy="37490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21600" y="0"/>
                  </a:lnTo>
                  <a:lnTo>
                    <a:pt x="21600" y="3516"/>
                  </a:lnTo>
                  <a:lnTo>
                    <a:pt x="0" y="3516"/>
                  </a:lnTo>
                  <a:lnTo>
                    <a:pt x="0" y="0"/>
                  </a:lnTo>
                  <a:close/>
                  <a:moveTo>
                    <a:pt x="240" y="5944"/>
                  </a:moveTo>
                  <a:lnTo>
                    <a:pt x="21360" y="5944"/>
                  </a:lnTo>
                  <a:lnTo>
                    <a:pt x="21360" y="21600"/>
                  </a:lnTo>
                  <a:lnTo>
                    <a:pt x="240" y="21600"/>
                  </a:lnTo>
                  <a:lnTo>
                    <a:pt x="240" y="5944"/>
                  </a:lnTo>
                  <a:close/>
                </a:path>
              </a:pathLst>
            </a:custGeom>
            <a:solidFill>
              <a:srgbClr val="4B4B4D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86" name="Shape"/>
            <p:cNvSpPr/>
            <p:nvPr/>
          </p:nvSpPr>
          <p:spPr>
            <a:xfrm>
              <a:off x="1743287" y="518612"/>
              <a:ext cx="231190" cy="37490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4600" y="21600"/>
                  </a:moveTo>
                  <a:lnTo>
                    <a:pt x="5800" y="14149"/>
                  </a:lnTo>
                  <a:lnTo>
                    <a:pt x="5800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5800" y="0"/>
                  </a:lnTo>
                  <a:lnTo>
                    <a:pt x="5800" y="12935"/>
                  </a:lnTo>
                  <a:lnTo>
                    <a:pt x="14600" y="5944"/>
                  </a:lnTo>
                  <a:lnTo>
                    <a:pt x="21333" y="5944"/>
                  </a:lnTo>
                  <a:lnTo>
                    <a:pt x="11667" y="13437"/>
                  </a:lnTo>
                  <a:lnTo>
                    <a:pt x="21600" y="21600"/>
                  </a:lnTo>
                  <a:lnTo>
                    <a:pt x="14600" y="21600"/>
                  </a:lnTo>
                  <a:close/>
                </a:path>
              </a:pathLst>
            </a:custGeom>
            <a:solidFill>
              <a:srgbClr val="4B4B4D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87" name="Shape"/>
            <p:cNvSpPr/>
            <p:nvPr/>
          </p:nvSpPr>
          <p:spPr>
            <a:xfrm>
              <a:off x="1999469" y="615461"/>
              <a:ext cx="203072" cy="284301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115" y="21600"/>
                  </a:moveTo>
                  <a:cubicBezTo>
                    <a:pt x="6161" y="21600"/>
                    <a:pt x="1673" y="21104"/>
                    <a:pt x="380" y="20773"/>
                  </a:cubicBezTo>
                  <a:lnTo>
                    <a:pt x="380" y="17357"/>
                  </a:lnTo>
                  <a:cubicBezTo>
                    <a:pt x="1825" y="17412"/>
                    <a:pt x="6161" y="17853"/>
                    <a:pt x="9811" y="17853"/>
                  </a:cubicBezTo>
                  <a:cubicBezTo>
                    <a:pt x="13918" y="17853"/>
                    <a:pt x="15059" y="17137"/>
                    <a:pt x="15059" y="15649"/>
                  </a:cubicBezTo>
                  <a:cubicBezTo>
                    <a:pt x="15059" y="14216"/>
                    <a:pt x="14146" y="13886"/>
                    <a:pt x="9963" y="12673"/>
                  </a:cubicBezTo>
                  <a:lnTo>
                    <a:pt x="7834" y="12067"/>
                  </a:lnTo>
                  <a:cubicBezTo>
                    <a:pt x="2434" y="10524"/>
                    <a:pt x="0" y="8761"/>
                    <a:pt x="0" y="5565"/>
                  </a:cubicBezTo>
                  <a:cubicBezTo>
                    <a:pt x="0" y="1433"/>
                    <a:pt x="3803" y="0"/>
                    <a:pt x="11332" y="0"/>
                  </a:cubicBezTo>
                  <a:cubicBezTo>
                    <a:pt x="14603" y="0"/>
                    <a:pt x="18786" y="441"/>
                    <a:pt x="20231" y="771"/>
                  </a:cubicBezTo>
                  <a:lnTo>
                    <a:pt x="20231" y="4133"/>
                  </a:lnTo>
                  <a:cubicBezTo>
                    <a:pt x="17037" y="3912"/>
                    <a:pt x="13918" y="3802"/>
                    <a:pt x="11408" y="3802"/>
                  </a:cubicBezTo>
                  <a:cubicBezTo>
                    <a:pt x="7986" y="3802"/>
                    <a:pt x="6541" y="4022"/>
                    <a:pt x="6541" y="5455"/>
                  </a:cubicBezTo>
                  <a:cubicBezTo>
                    <a:pt x="6541" y="6778"/>
                    <a:pt x="7530" y="7163"/>
                    <a:pt x="11028" y="8155"/>
                  </a:cubicBezTo>
                  <a:lnTo>
                    <a:pt x="13310" y="8816"/>
                  </a:lnTo>
                  <a:cubicBezTo>
                    <a:pt x="19394" y="10580"/>
                    <a:pt x="21524" y="11957"/>
                    <a:pt x="21600" y="15373"/>
                  </a:cubicBezTo>
                  <a:cubicBezTo>
                    <a:pt x="21600" y="19231"/>
                    <a:pt x="18025" y="21600"/>
                    <a:pt x="10115" y="21600"/>
                  </a:cubicBezTo>
                  <a:close/>
                </a:path>
              </a:pathLst>
            </a:custGeom>
            <a:solidFill>
              <a:srgbClr val="4B4B4D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88" name="Shape"/>
            <p:cNvSpPr/>
            <p:nvPr/>
          </p:nvSpPr>
          <p:spPr>
            <a:xfrm>
              <a:off x="2252527" y="518612"/>
              <a:ext cx="234314" cy="37490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5703" y="21600"/>
                  </a:moveTo>
                  <a:lnTo>
                    <a:pt x="15703" y="11721"/>
                  </a:lnTo>
                  <a:cubicBezTo>
                    <a:pt x="15703" y="9293"/>
                    <a:pt x="14709" y="8623"/>
                    <a:pt x="11794" y="8623"/>
                  </a:cubicBezTo>
                  <a:cubicBezTo>
                    <a:pt x="9475" y="8623"/>
                    <a:pt x="7090" y="9126"/>
                    <a:pt x="5764" y="9502"/>
                  </a:cubicBezTo>
                  <a:lnTo>
                    <a:pt x="5764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5764" y="0"/>
                  </a:lnTo>
                  <a:lnTo>
                    <a:pt x="5764" y="6740"/>
                  </a:lnTo>
                  <a:cubicBezTo>
                    <a:pt x="7487" y="6153"/>
                    <a:pt x="10270" y="5567"/>
                    <a:pt x="13450" y="5567"/>
                  </a:cubicBezTo>
                  <a:cubicBezTo>
                    <a:pt x="19546" y="5567"/>
                    <a:pt x="21600" y="7870"/>
                    <a:pt x="21600" y="11679"/>
                  </a:cubicBezTo>
                  <a:lnTo>
                    <a:pt x="21600" y="21600"/>
                  </a:lnTo>
                  <a:lnTo>
                    <a:pt x="15703" y="21600"/>
                  </a:lnTo>
                  <a:close/>
                </a:path>
              </a:pathLst>
            </a:custGeom>
            <a:solidFill>
              <a:srgbClr val="4B4B4D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89" name="Shape"/>
            <p:cNvSpPr/>
            <p:nvPr/>
          </p:nvSpPr>
          <p:spPr>
            <a:xfrm>
              <a:off x="2533702" y="615461"/>
              <a:ext cx="243687" cy="28742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832" y="21600"/>
                  </a:moveTo>
                  <a:cubicBezTo>
                    <a:pt x="3846" y="21600"/>
                    <a:pt x="0" y="18522"/>
                    <a:pt x="0" y="12037"/>
                  </a:cubicBezTo>
                  <a:lnTo>
                    <a:pt x="0" y="9508"/>
                  </a:lnTo>
                  <a:cubicBezTo>
                    <a:pt x="0" y="3023"/>
                    <a:pt x="3846" y="0"/>
                    <a:pt x="10832" y="0"/>
                  </a:cubicBezTo>
                  <a:cubicBezTo>
                    <a:pt x="17754" y="0"/>
                    <a:pt x="21600" y="3023"/>
                    <a:pt x="21600" y="9508"/>
                  </a:cubicBezTo>
                  <a:lnTo>
                    <a:pt x="21600" y="12037"/>
                  </a:lnTo>
                  <a:cubicBezTo>
                    <a:pt x="21600" y="18522"/>
                    <a:pt x="17754" y="21600"/>
                    <a:pt x="10832" y="21600"/>
                  </a:cubicBezTo>
                  <a:close/>
                  <a:moveTo>
                    <a:pt x="16024" y="9508"/>
                  </a:moveTo>
                  <a:cubicBezTo>
                    <a:pt x="16024" y="5551"/>
                    <a:pt x="14485" y="4122"/>
                    <a:pt x="10832" y="4122"/>
                  </a:cubicBezTo>
                  <a:cubicBezTo>
                    <a:pt x="7179" y="4122"/>
                    <a:pt x="5576" y="5551"/>
                    <a:pt x="5576" y="9508"/>
                  </a:cubicBezTo>
                  <a:lnTo>
                    <a:pt x="5576" y="12037"/>
                  </a:lnTo>
                  <a:cubicBezTo>
                    <a:pt x="5576" y="15939"/>
                    <a:pt x="7179" y="17478"/>
                    <a:pt x="10832" y="17478"/>
                  </a:cubicBezTo>
                  <a:cubicBezTo>
                    <a:pt x="14485" y="17478"/>
                    <a:pt x="16024" y="15939"/>
                    <a:pt x="16024" y="12037"/>
                  </a:cubicBezTo>
                  <a:lnTo>
                    <a:pt x="16024" y="9508"/>
                  </a:lnTo>
                  <a:close/>
                </a:path>
              </a:pathLst>
            </a:custGeom>
            <a:solidFill>
              <a:srgbClr val="4B4B4D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90" name="Rectangle"/>
            <p:cNvSpPr/>
            <p:nvPr/>
          </p:nvSpPr>
          <p:spPr>
            <a:xfrm>
              <a:off x="2830498" y="518612"/>
              <a:ext cx="62483" cy="374902"/>
            </a:xfrm>
            <a:prstGeom prst="rect">
              <a:avLst/>
            </a:prstGeom>
            <a:solidFill>
              <a:srgbClr val="4B4B4D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91" name="Shape"/>
            <p:cNvSpPr/>
            <p:nvPr/>
          </p:nvSpPr>
          <p:spPr>
            <a:xfrm>
              <a:off x="2964838" y="615461"/>
              <a:ext cx="365529" cy="27805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866" y="21600"/>
                  </a:moveTo>
                  <a:lnTo>
                    <a:pt x="17866" y="7783"/>
                  </a:lnTo>
                  <a:cubicBezTo>
                    <a:pt x="17866" y="5470"/>
                    <a:pt x="17823" y="4117"/>
                    <a:pt x="15871" y="4117"/>
                  </a:cubicBezTo>
                  <a:cubicBezTo>
                    <a:pt x="14980" y="4117"/>
                    <a:pt x="13664" y="4568"/>
                    <a:pt x="12561" y="5358"/>
                  </a:cubicBezTo>
                  <a:cubicBezTo>
                    <a:pt x="12646" y="6204"/>
                    <a:pt x="12646" y="6993"/>
                    <a:pt x="12646" y="7783"/>
                  </a:cubicBezTo>
                  <a:lnTo>
                    <a:pt x="12646" y="21600"/>
                  </a:lnTo>
                  <a:lnTo>
                    <a:pt x="8954" y="21600"/>
                  </a:lnTo>
                  <a:lnTo>
                    <a:pt x="8954" y="7783"/>
                  </a:lnTo>
                  <a:cubicBezTo>
                    <a:pt x="8954" y="5414"/>
                    <a:pt x="8912" y="4117"/>
                    <a:pt x="7129" y="4117"/>
                  </a:cubicBezTo>
                  <a:cubicBezTo>
                    <a:pt x="5941" y="4117"/>
                    <a:pt x="4668" y="4794"/>
                    <a:pt x="3692" y="5470"/>
                  </a:cubicBezTo>
                  <a:lnTo>
                    <a:pt x="3692" y="21600"/>
                  </a:lnTo>
                  <a:lnTo>
                    <a:pt x="0" y="21600"/>
                  </a:lnTo>
                  <a:lnTo>
                    <a:pt x="0" y="508"/>
                  </a:lnTo>
                  <a:lnTo>
                    <a:pt x="3565" y="508"/>
                  </a:lnTo>
                  <a:lnTo>
                    <a:pt x="3565" y="2199"/>
                  </a:lnTo>
                  <a:cubicBezTo>
                    <a:pt x="4838" y="846"/>
                    <a:pt x="6535" y="0"/>
                    <a:pt x="8275" y="0"/>
                  </a:cubicBezTo>
                  <a:cubicBezTo>
                    <a:pt x="10185" y="0"/>
                    <a:pt x="11246" y="846"/>
                    <a:pt x="11882" y="2256"/>
                  </a:cubicBezTo>
                  <a:cubicBezTo>
                    <a:pt x="13707" y="620"/>
                    <a:pt x="15362" y="0"/>
                    <a:pt x="16805" y="0"/>
                  </a:cubicBezTo>
                  <a:cubicBezTo>
                    <a:pt x="21303" y="0"/>
                    <a:pt x="21600" y="3891"/>
                    <a:pt x="21600" y="7670"/>
                  </a:cubicBezTo>
                  <a:lnTo>
                    <a:pt x="21600" y="21600"/>
                  </a:lnTo>
                  <a:lnTo>
                    <a:pt x="17866" y="21600"/>
                  </a:lnTo>
                  <a:close/>
                </a:path>
              </a:pathLst>
            </a:custGeom>
            <a:solidFill>
              <a:srgbClr val="4B4B4D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92" name="Shape"/>
            <p:cNvSpPr/>
            <p:nvPr/>
          </p:nvSpPr>
          <p:spPr>
            <a:xfrm>
              <a:off x="3399097" y="534233"/>
              <a:ext cx="253059" cy="359281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194" y="21600"/>
                  </a:moveTo>
                  <a:lnTo>
                    <a:pt x="10096" y="13144"/>
                  </a:lnTo>
                  <a:cubicBezTo>
                    <a:pt x="9240" y="13188"/>
                    <a:pt x="8138" y="13188"/>
                    <a:pt x="7220" y="13188"/>
                  </a:cubicBezTo>
                  <a:lnTo>
                    <a:pt x="3733" y="13188"/>
                  </a:lnTo>
                  <a:lnTo>
                    <a:pt x="3733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7098" y="0"/>
                  </a:lnTo>
                  <a:cubicBezTo>
                    <a:pt x="14074" y="0"/>
                    <a:pt x="19703" y="1008"/>
                    <a:pt x="19703" y="6572"/>
                  </a:cubicBezTo>
                  <a:cubicBezTo>
                    <a:pt x="19703" y="10033"/>
                    <a:pt x="17561" y="11742"/>
                    <a:pt x="14074" y="12618"/>
                  </a:cubicBezTo>
                  <a:lnTo>
                    <a:pt x="21600" y="21600"/>
                  </a:lnTo>
                  <a:lnTo>
                    <a:pt x="17194" y="21600"/>
                  </a:lnTo>
                  <a:close/>
                  <a:moveTo>
                    <a:pt x="7098" y="2366"/>
                  </a:moveTo>
                  <a:lnTo>
                    <a:pt x="3733" y="2366"/>
                  </a:lnTo>
                  <a:lnTo>
                    <a:pt x="3733" y="10822"/>
                  </a:lnTo>
                  <a:lnTo>
                    <a:pt x="7220" y="10822"/>
                  </a:lnTo>
                  <a:cubicBezTo>
                    <a:pt x="13156" y="10822"/>
                    <a:pt x="15909" y="9989"/>
                    <a:pt x="15909" y="6572"/>
                  </a:cubicBezTo>
                  <a:cubicBezTo>
                    <a:pt x="15909" y="2979"/>
                    <a:pt x="12972" y="2366"/>
                    <a:pt x="7098" y="2366"/>
                  </a:cubicBez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93" name="Shape"/>
            <p:cNvSpPr/>
            <p:nvPr/>
          </p:nvSpPr>
          <p:spPr>
            <a:xfrm>
              <a:off x="3683398" y="621710"/>
              <a:ext cx="221817" cy="27805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098" y="12037"/>
                  </a:moveTo>
                  <a:lnTo>
                    <a:pt x="4098" y="12431"/>
                  </a:lnTo>
                  <a:cubicBezTo>
                    <a:pt x="4098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766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696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098" y="12037"/>
                  </a:lnTo>
                  <a:close/>
                  <a:moveTo>
                    <a:pt x="17294" y="8888"/>
                  </a:moveTo>
                  <a:cubicBezTo>
                    <a:pt x="17294" y="6413"/>
                    <a:pt x="16669" y="2925"/>
                    <a:pt x="10765" y="2925"/>
                  </a:cubicBezTo>
                  <a:cubicBezTo>
                    <a:pt x="4931" y="2925"/>
                    <a:pt x="4167" y="6413"/>
                    <a:pt x="4167" y="8888"/>
                  </a:cubicBezTo>
                  <a:lnTo>
                    <a:pt x="4167" y="9281"/>
                  </a:lnTo>
                  <a:lnTo>
                    <a:pt x="17294" y="9281"/>
                  </a:lnTo>
                  <a:lnTo>
                    <a:pt x="17294" y="8888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94" name="Shape"/>
            <p:cNvSpPr/>
            <p:nvPr/>
          </p:nvSpPr>
          <p:spPr>
            <a:xfrm>
              <a:off x="3952076" y="621710"/>
              <a:ext cx="187451" cy="27805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302" y="21600"/>
                  </a:moveTo>
                  <a:cubicBezTo>
                    <a:pt x="6065" y="21600"/>
                    <a:pt x="1412" y="20981"/>
                    <a:pt x="415" y="20756"/>
                  </a:cubicBezTo>
                  <a:lnTo>
                    <a:pt x="415" y="18169"/>
                  </a:lnTo>
                  <a:cubicBezTo>
                    <a:pt x="2243" y="18281"/>
                    <a:pt x="6480" y="18731"/>
                    <a:pt x="10135" y="18731"/>
                  </a:cubicBezTo>
                  <a:cubicBezTo>
                    <a:pt x="15286" y="18731"/>
                    <a:pt x="16615" y="17775"/>
                    <a:pt x="16615" y="15975"/>
                  </a:cubicBezTo>
                  <a:cubicBezTo>
                    <a:pt x="16615" y="14119"/>
                    <a:pt x="15702" y="13556"/>
                    <a:pt x="10551" y="12094"/>
                  </a:cubicBezTo>
                  <a:lnTo>
                    <a:pt x="8308" y="11419"/>
                  </a:lnTo>
                  <a:cubicBezTo>
                    <a:pt x="2492" y="9731"/>
                    <a:pt x="0" y="8100"/>
                    <a:pt x="0" y="5119"/>
                  </a:cubicBezTo>
                  <a:cubicBezTo>
                    <a:pt x="0" y="1688"/>
                    <a:pt x="3323" y="0"/>
                    <a:pt x="10966" y="0"/>
                  </a:cubicBezTo>
                  <a:cubicBezTo>
                    <a:pt x="15037" y="0"/>
                    <a:pt x="19025" y="506"/>
                    <a:pt x="20105" y="788"/>
                  </a:cubicBezTo>
                  <a:lnTo>
                    <a:pt x="20105" y="3263"/>
                  </a:lnTo>
                  <a:cubicBezTo>
                    <a:pt x="16948" y="3038"/>
                    <a:pt x="13292" y="2869"/>
                    <a:pt x="11215" y="2869"/>
                  </a:cubicBezTo>
                  <a:cubicBezTo>
                    <a:pt x="6812" y="2869"/>
                    <a:pt x="4985" y="3263"/>
                    <a:pt x="4985" y="5119"/>
                  </a:cubicBezTo>
                  <a:cubicBezTo>
                    <a:pt x="4985" y="6750"/>
                    <a:pt x="5982" y="7425"/>
                    <a:pt x="10218" y="8662"/>
                  </a:cubicBezTo>
                  <a:lnTo>
                    <a:pt x="12462" y="9337"/>
                  </a:lnTo>
                  <a:cubicBezTo>
                    <a:pt x="19523" y="11419"/>
                    <a:pt x="21600" y="12712"/>
                    <a:pt x="21600" y="15862"/>
                  </a:cubicBezTo>
                  <a:cubicBezTo>
                    <a:pt x="21600" y="18844"/>
                    <a:pt x="19274" y="21600"/>
                    <a:pt x="10302" y="21600"/>
                  </a:cubicBez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95" name="Shape"/>
            <p:cNvSpPr/>
            <p:nvPr/>
          </p:nvSpPr>
          <p:spPr>
            <a:xfrm>
              <a:off x="4183264" y="621710"/>
              <a:ext cx="224942" cy="27805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363" y="8888"/>
                  </a:moveTo>
                  <a:cubicBezTo>
                    <a:pt x="17363" y="6413"/>
                    <a:pt x="16669" y="2925"/>
                    <a:pt x="10765" y="2925"/>
                  </a:cubicBezTo>
                  <a:cubicBezTo>
                    <a:pt x="5001" y="2925"/>
                    <a:pt x="4237" y="6413"/>
                    <a:pt x="4237" y="8888"/>
                  </a:cubicBezTo>
                  <a:lnTo>
                    <a:pt x="4237" y="9281"/>
                  </a:lnTo>
                  <a:lnTo>
                    <a:pt x="17363" y="9281"/>
                  </a:lnTo>
                  <a:lnTo>
                    <a:pt x="17363" y="8888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96" name="Shape"/>
            <p:cNvSpPr/>
            <p:nvPr/>
          </p:nvSpPr>
          <p:spPr>
            <a:xfrm>
              <a:off x="4455067" y="621710"/>
              <a:ext cx="203073" cy="27805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34" y="21094"/>
                  </a:moveTo>
                  <a:lnTo>
                    <a:pt x="17234" y="19687"/>
                  </a:lnTo>
                  <a:cubicBezTo>
                    <a:pt x="15549" y="20531"/>
                    <a:pt x="12485" y="21600"/>
                    <a:pt x="8349" y="21600"/>
                  </a:cubicBezTo>
                  <a:cubicBezTo>
                    <a:pt x="3140" y="21600"/>
                    <a:pt x="0" y="19856"/>
                    <a:pt x="0" y="15750"/>
                  </a:cubicBezTo>
                  <a:lnTo>
                    <a:pt x="0" y="15019"/>
                  </a:lnTo>
                  <a:cubicBezTo>
                    <a:pt x="0" y="9619"/>
                    <a:pt x="5055" y="8662"/>
                    <a:pt x="12868" y="8662"/>
                  </a:cubicBezTo>
                  <a:lnTo>
                    <a:pt x="17004" y="8662"/>
                  </a:lnTo>
                  <a:lnTo>
                    <a:pt x="17004" y="7200"/>
                  </a:lnTo>
                  <a:cubicBezTo>
                    <a:pt x="17004" y="3656"/>
                    <a:pt x="16085" y="2869"/>
                    <a:pt x="10494" y="2869"/>
                  </a:cubicBezTo>
                  <a:cubicBezTo>
                    <a:pt x="7353" y="2869"/>
                    <a:pt x="4902" y="3038"/>
                    <a:pt x="1838" y="3319"/>
                  </a:cubicBezTo>
                  <a:lnTo>
                    <a:pt x="1838" y="900"/>
                  </a:lnTo>
                  <a:cubicBezTo>
                    <a:pt x="2681" y="675"/>
                    <a:pt x="6511" y="0"/>
                    <a:pt x="10800" y="0"/>
                  </a:cubicBezTo>
                  <a:cubicBezTo>
                    <a:pt x="20145" y="0"/>
                    <a:pt x="21600" y="2531"/>
                    <a:pt x="21600" y="7200"/>
                  </a:cubicBezTo>
                  <a:lnTo>
                    <a:pt x="21600" y="21094"/>
                  </a:lnTo>
                  <a:lnTo>
                    <a:pt x="17234" y="21094"/>
                  </a:lnTo>
                  <a:close/>
                  <a:moveTo>
                    <a:pt x="17004" y="11194"/>
                  </a:moveTo>
                  <a:lnTo>
                    <a:pt x="12868" y="11194"/>
                  </a:lnTo>
                  <a:cubicBezTo>
                    <a:pt x="6970" y="11194"/>
                    <a:pt x="4596" y="11756"/>
                    <a:pt x="4596" y="15019"/>
                  </a:cubicBezTo>
                  <a:lnTo>
                    <a:pt x="4596" y="16031"/>
                  </a:lnTo>
                  <a:cubicBezTo>
                    <a:pt x="4596" y="18337"/>
                    <a:pt x="6511" y="18956"/>
                    <a:pt x="9268" y="18956"/>
                  </a:cubicBezTo>
                  <a:cubicBezTo>
                    <a:pt x="12562" y="18956"/>
                    <a:pt x="15855" y="17887"/>
                    <a:pt x="17004" y="17325"/>
                  </a:cubicBezTo>
                  <a:lnTo>
                    <a:pt x="17004" y="11194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97" name="Shape"/>
            <p:cNvSpPr/>
            <p:nvPr/>
          </p:nvSpPr>
          <p:spPr>
            <a:xfrm>
              <a:off x="4733119" y="621710"/>
              <a:ext cx="137464" cy="27180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6779" y="4896"/>
                  </a:moveTo>
                  <a:lnTo>
                    <a:pt x="6779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6664" y="576"/>
                  </a:lnTo>
                  <a:lnTo>
                    <a:pt x="6664" y="2246"/>
                  </a:lnTo>
                  <a:cubicBezTo>
                    <a:pt x="10685" y="691"/>
                    <a:pt x="15740" y="0"/>
                    <a:pt x="21600" y="0"/>
                  </a:cubicBezTo>
                  <a:lnTo>
                    <a:pt x="21600" y="3053"/>
                  </a:lnTo>
                  <a:cubicBezTo>
                    <a:pt x="16200" y="3053"/>
                    <a:pt x="9996" y="3859"/>
                    <a:pt x="6779" y="4896"/>
                  </a:cubicBez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98" name="Shape"/>
            <p:cNvSpPr/>
            <p:nvPr/>
          </p:nvSpPr>
          <p:spPr>
            <a:xfrm>
              <a:off x="4898699" y="621710"/>
              <a:ext cx="178079" cy="27805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2614" y="21600"/>
                  </a:moveTo>
                  <a:cubicBezTo>
                    <a:pt x="4061" y="21600"/>
                    <a:pt x="0" y="18169"/>
                    <a:pt x="0" y="12319"/>
                  </a:cubicBezTo>
                  <a:lnTo>
                    <a:pt x="0" y="9225"/>
                  </a:lnTo>
                  <a:cubicBezTo>
                    <a:pt x="0" y="3319"/>
                    <a:pt x="4061" y="0"/>
                    <a:pt x="12614" y="0"/>
                  </a:cubicBezTo>
                  <a:cubicBezTo>
                    <a:pt x="17194" y="0"/>
                    <a:pt x="20563" y="506"/>
                    <a:pt x="21600" y="731"/>
                  </a:cubicBezTo>
                  <a:lnTo>
                    <a:pt x="21600" y="3263"/>
                  </a:lnTo>
                  <a:cubicBezTo>
                    <a:pt x="17798" y="2981"/>
                    <a:pt x="15034" y="2869"/>
                    <a:pt x="13392" y="2869"/>
                  </a:cubicBezTo>
                  <a:cubicBezTo>
                    <a:pt x="8294" y="2869"/>
                    <a:pt x="5184" y="4106"/>
                    <a:pt x="5184" y="9225"/>
                  </a:cubicBezTo>
                  <a:lnTo>
                    <a:pt x="5184" y="12319"/>
                  </a:lnTo>
                  <a:cubicBezTo>
                    <a:pt x="5184" y="17438"/>
                    <a:pt x="8294" y="18731"/>
                    <a:pt x="13392" y="18731"/>
                  </a:cubicBezTo>
                  <a:cubicBezTo>
                    <a:pt x="15034" y="18731"/>
                    <a:pt x="17798" y="18619"/>
                    <a:pt x="21600" y="18337"/>
                  </a:cubicBezTo>
                  <a:lnTo>
                    <a:pt x="21600" y="20869"/>
                  </a:lnTo>
                  <a:cubicBezTo>
                    <a:pt x="20563" y="21094"/>
                    <a:pt x="17194" y="21600"/>
                    <a:pt x="12614" y="21600"/>
                  </a:cubicBez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099" name="Shape"/>
            <p:cNvSpPr/>
            <p:nvPr/>
          </p:nvSpPr>
          <p:spPr>
            <a:xfrm>
              <a:off x="5139260" y="518612"/>
              <a:ext cx="209321" cy="37490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07" y="21600"/>
                  </a:moveTo>
                  <a:lnTo>
                    <a:pt x="17207" y="11893"/>
                  </a:lnTo>
                  <a:cubicBezTo>
                    <a:pt x="17207" y="8867"/>
                    <a:pt x="15816" y="8026"/>
                    <a:pt x="12155" y="8026"/>
                  </a:cubicBezTo>
                  <a:cubicBezTo>
                    <a:pt x="9079" y="8026"/>
                    <a:pt x="6004" y="8657"/>
                    <a:pt x="4320" y="9119"/>
                  </a:cubicBezTo>
                  <a:lnTo>
                    <a:pt x="4320" y="21600"/>
                  </a:lnTo>
                  <a:lnTo>
                    <a:pt x="0" y="21600"/>
                  </a:lnTo>
                  <a:lnTo>
                    <a:pt x="0" y="0"/>
                  </a:lnTo>
                  <a:lnTo>
                    <a:pt x="4320" y="0"/>
                  </a:lnTo>
                  <a:lnTo>
                    <a:pt x="4320" y="7102"/>
                  </a:lnTo>
                  <a:cubicBezTo>
                    <a:pt x="6004" y="6598"/>
                    <a:pt x="9153" y="5841"/>
                    <a:pt x="13033" y="5841"/>
                  </a:cubicBezTo>
                  <a:cubicBezTo>
                    <a:pt x="18818" y="5841"/>
                    <a:pt x="21600" y="7774"/>
                    <a:pt x="21600" y="11809"/>
                  </a:cubicBezTo>
                  <a:lnTo>
                    <a:pt x="21600" y="21600"/>
                  </a:lnTo>
                  <a:lnTo>
                    <a:pt x="17207" y="21600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00" name="Shape"/>
            <p:cNvSpPr/>
            <p:nvPr/>
          </p:nvSpPr>
          <p:spPr>
            <a:xfrm>
              <a:off x="5404815" y="527984"/>
              <a:ext cx="224942" cy="371778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3689" y="21600"/>
                  </a:moveTo>
                  <a:cubicBezTo>
                    <a:pt x="5985" y="21600"/>
                    <a:pt x="0" y="19821"/>
                    <a:pt x="0" y="12494"/>
                  </a:cubicBezTo>
                  <a:lnTo>
                    <a:pt x="0" y="9021"/>
                  </a:lnTo>
                  <a:cubicBezTo>
                    <a:pt x="0" y="1694"/>
                    <a:pt x="5985" y="0"/>
                    <a:pt x="13689" y="0"/>
                  </a:cubicBezTo>
                  <a:cubicBezTo>
                    <a:pt x="16854" y="0"/>
                    <a:pt x="20224" y="339"/>
                    <a:pt x="21600" y="466"/>
                  </a:cubicBezTo>
                  <a:lnTo>
                    <a:pt x="21600" y="2584"/>
                  </a:lnTo>
                  <a:cubicBezTo>
                    <a:pt x="19468" y="2456"/>
                    <a:pt x="16234" y="2287"/>
                    <a:pt x="13689" y="2287"/>
                  </a:cubicBezTo>
                  <a:cubicBezTo>
                    <a:pt x="7292" y="2287"/>
                    <a:pt x="4196" y="3896"/>
                    <a:pt x="4196" y="9021"/>
                  </a:cubicBezTo>
                  <a:lnTo>
                    <a:pt x="4196" y="12494"/>
                  </a:lnTo>
                  <a:cubicBezTo>
                    <a:pt x="4196" y="17619"/>
                    <a:pt x="7292" y="19271"/>
                    <a:pt x="13689" y="19271"/>
                  </a:cubicBezTo>
                  <a:cubicBezTo>
                    <a:pt x="16234" y="19271"/>
                    <a:pt x="19468" y="19101"/>
                    <a:pt x="21600" y="19016"/>
                  </a:cubicBezTo>
                  <a:lnTo>
                    <a:pt x="21600" y="21134"/>
                  </a:lnTo>
                  <a:cubicBezTo>
                    <a:pt x="20224" y="21261"/>
                    <a:pt x="16854" y="21600"/>
                    <a:pt x="13689" y="21600"/>
                  </a:cubicBez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01" name="Shape"/>
            <p:cNvSpPr/>
            <p:nvPr/>
          </p:nvSpPr>
          <p:spPr>
            <a:xfrm>
              <a:off x="5664122" y="621710"/>
              <a:ext cx="224941" cy="27805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294" y="8888"/>
                  </a:moveTo>
                  <a:cubicBezTo>
                    <a:pt x="17294" y="6413"/>
                    <a:pt x="16669" y="2925"/>
                    <a:pt x="10765" y="2925"/>
                  </a:cubicBezTo>
                  <a:cubicBezTo>
                    <a:pt x="5001" y="2925"/>
                    <a:pt x="4167" y="6413"/>
                    <a:pt x="4167" y="8888"/>
                  </a:cubicBezTo>
                  <a:lnTo>
                    <a:pt x="4167" y="9281"/>
                  </a:lnTo>
                  <a:lnTo>
                    <a:pt x="17294" y="9281"/>
                  </a:lnTo>
                  <a:lnTo>
                    <a:pt x="17294" y="8888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02" name="Shape"/>
            <p:cNvSpPr/>
            <p:nvPr/>
          </p:nvSpPr>
          <p:spPr>
            <a:xfrm>
              <a:off x="5948421" y="621710"/>
              <a:ext cx="212445" cy="27180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7207" y="21600"/>
                  </a:moveTo>
                  <a:lnTo>
                    <a:pt x="17207" y="8179"/>
                  </a:lnTo>
                  <a:cubicBezTo>
                    <a:pt x="17207" y="4320"/>
                    <a:pt x="16401" y="2938"/>
                    <a:pt x="12740" y="2938"/>
                  </a:cubicBezTo>
                  <a:cubicBezTo>
                    <a:pt x="10617" y="2938"/>
                    <a:pt x="7908" y="3629"/>
                    <a:pt x="4320" y="4838"/>
                  </a:cubicBezTo>
                  <a:lnTo>
                    <a:pt x="4320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4320" y="576"/>
                  </a:lnTo>
                  <a:lnTo>
                    <a:pt x="4320" y="2189"/>
                  </a:lnTo>
                  <a:cubicBezTo>
                    <a:pt x="7468" y="922"/>
                    <a:pt x="10251" y="0"/>
                    <a:pt x="13253" y="0"/>
                  </a:cubicBezTo>
                  <a:cubicBezTo>
                    <a:pt x="20355" y="0"/>
                    <a:pt x="21600" y="3053"/>
                    <a:pt x="21600" y="8179"/>
                  </a:cubicBezTo>
                  <a:lnTo>
                    <a:pt x="21600" y="21600"/>
                  </a:lnTo>
                  <a:lnTo>
                    <a:pt x="17207" y="21600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03" name="Shape"/>
            <p:cNvSpPr/>
            <p:nvPr/>
          </p:nvSpPr>
          <p:spPr>
            <a:xfrm>
              <a:off x="6201479" y="559226"/>
              <a:ext cx="165582" cy="340536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5335" y="21600"/>
                  </a:moveTo>
                  <a:cubicBezTo>
                    <a:pt x="9070" y="21600"/>
                    <a:pt x="6826" y="20495"/>
                    <a:pt x="6826" y="17317"/>
                  </a:cubicBezTo>
                  <a:lnTo>
                    <a:pt x="6826" y="6632"/>
                  </a:lnTo>
                  <a:lnTo>
                    <a:pt x="0" y="6402"/>
                  </a:lnTo>
                  <a:lnTo>
                    <a:pt x="0" y="4375"/>
                  </a:lnTo>
                  <a:lnTo>
                    <a:pt x="6826" y="4375"/>
                  </a:lnTo>
                  <a:lnTo>
                    <a:pt x="6826" y="0"/>
                  </a:lnTo>
                  <a:lnTo>
                    <a:pt x="12436" y="0"/>
                  </a:lnTo>
                  <a:lnTo>
                    <a:pt x="12436" y="4375"/>
                  </a:lnTo>
                  <a:lnTo>
                    <a:pt x="21600" y="4375"/>
                  </a:lnTo>
                  <a:lnTo>
                    <a:pt x="21600" y="6632"/>
                  </a:lnTo>
                  <a:lnTo>
                    <a:pt x="12436" y="6632"/>
                  </a:lnTo>
                  <a:lnTo>
                    <a:pt x="12436" y="17179"/>
                  </a:lnTo>
                  <a:cubicBezTo>
                    <a:pt x="12436" y="19067"/>
                    <a:pt x="12810" y="19389"/>
                    <a:pt x="15896" y="19389"/>
                  </a:cubicBezTo>
                  <a:cubicBezTo>
                    <a:pt x="17860" y="19389"/>
                    <a:pt x="20478" y="19297"/>
                    <a:pt x="21600" y="19251"/>
                  </a:cubicBezTo>
                  <a:lnTo>
                    <a:pt x="21600" y="21139"/>
                  </a:lnTo>
                  <a:cubicBezTo>
                    <a:pt x="20665" y="21278"/>
                    <a:pt x="17953" y="21600"/>
                    <a:pt x="15335" y="21600"/>
                  </a:cubicBez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04" name="Shape"/>
            <p:cNvSpPr/>
            <p:nvPr/>
          </p:nvSpPr>
          <p:spPr>
            <a:xfrm>
              <a:off x="6429543" y="621710"/>
              <a:ext cx="134341" cy="271803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6779" y="4896"/>
                  </a:moveTo>
                  <a:lnTo>
                    <a:pt x="6779" y="21600"/>
                  </a:lnTo>
                  <a:lnTo>
                    <a:pt x="0" y="21600"/>
                  </a:lnTo>
                  <a:lnTo>
                    <a:pt x="0" y="576"/>
                  </a:lnTo>
                  <a:lnTo>
                    <a:pt x="6664" y="576"/>
                  </a:lnTo>
                  <a:lnTo>
                    <a:pt x="6664" y="2246"/>
                  </a:lnTo>
                  <a:cubicBezTo>
                    <a:pt x="10570" y="691"/>
                    <a:pt x="15740" y="0"/>
                    <a:pt x="21600" y="0"/>
                  </a:cubicBezTo>
                  <a:lnTo>
                    <a:pt x="21600" y="3053"/>
                  </a:lnTo>
                  <a:cubicBezTo>
                    <a:pt x="16085" y="3053"/>
                    <a:pt x="9881" y="3859"/>
                    <a:pt x="6779" y="4896"/>
                  </a:cubicBez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05" name="Shape"/>
            <p:cNvSpPr/>
            <p:nvPr/>
          </p:nvSpPr>
          <p:spPr>
            <a:xfrm>
              <a:off x="6585753" y="621710"/>
              <a:ext cx="221817" cy="27805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4167" y="12037"/>
                  </a:moveTo>
                  <a:lnTo>
                    <a:pt x="4167" y="12431"/>
                  </a:lnTo>
                  <a:cubicBezTo>
                    <a:pt x="4167" y="15975"/>
                    <a:pt x="4792" y="18675"/>
                    <a:pt x="11807" y="18675"/>
                  </a:cubicBezTo>
                  <a:cubicBezTo>
                    <a:pt x="14585" y="18675"/>
                    <a:pt x="18266" y="18394"/>
                    <a:pt x="20628" y="18056"/>
                  </a:cubicBezTo>
                  <a:lnTo>
                    <a:pt x="20628" y="20756"/>
                  </a:lnTo>
                  <a:cubicBezTo>
                    <a:pt x="18891" y="21150"/>
                    <a:pt x="15835" y="21600"/>
                    <a:pt x="11599" y="21600"/>
                  </a:cubicBezTo>
                  <a:cubicBezTo>
                    <a:pt x="2639" y="21600"/>
                    <a:pt x="0" y="18337"/>
                    <a:pt x="0" y="11700"/>
                  </a:cubicBezTo>
                  <a:lnTo>
                    <a:pt x="0" y="10125"/>
                  </a:lnTo>
                  <a:cubicBezTo>
                    <a:pt x="0" y="3656"/>
                    <a:pt x="3542" y="0"/>
                    <a:pt x="10765" y="0"/>
                  </a:cubicBezTo>
                  <a:cubicBezTo>
                    <a:pt x="18197" y="0"/>
                    <a:pt x="21600" y="3656"/>
                    <a:pt x="21600" y="10519"/>
                  </a:cubicBezTo>
                  <a:lnTo>
                    <a:pt x="21600" y="12037"/>
                  </a:lnTo>
                  <a:lnTo>
                    <a:pt x="4167" y="12037"/>
                  </a:lnTo>
                  <a:close/>
                  <a:moveTo>
                    <a:pt x="17363" y="8888"/>
                  </a:moveTo>
                  <a:cubicBezTo>
                    <a:pt x="17363" y="6413"/>
                    <a:pt x="16669" y="2925"/>
                    <a:pt x="10765" y="2925"/>
                  </a:cubicBezTo>
                  <a:cubicBezTo>
                    <a:pt x="5001" y="2925"/>
                    <a:pt x="4237" y="6413"/>
                    <a:pt x="4237" y="8888"/>
                  </a:cubicBezTo>
                  <a:lnTo>
                    <a:pt x="4237" y="9281"/>
                  </a:lnTo>
                  <a:lnTo>
                    <a:pt x="17363" y="9281"/>
                  </a:lnTo>
                  <a:lnTo>
                    <a:pt x="17363" y="8888"/>
                  </a:lnTo>
                  <a:close/>
                </a:path>
              </a:pathLst>
            </a:cu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06" name="Circle"/>
            <p:cNvSpPr/>
            <p:nvPr/>
          </p:nvSpPr>
          <p:spPr>
            <a:xfrm>
              <a:off x="796663" y="0"/>
              <a:ext cx="62484" cy="62484"/>
            </a:xfrm>
            <a:prstGeom prst="ellipse">
              <a:avLst/>
            </a:pr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07" name="Circle"/>
            <p:cNvSpPr/>
            <p:nvPr/>
          </p:nvSpPr>
          <p:spPr>
            <a:xfrm>
              <a:off x="759173" y="168705"/>
              <a:ext cx="137465" cy="137464"/>
            </a:xfrm>
            <a:prstGeom prst="ellipse">
              <a:avLst/>
            </a:prstGeom>
            <a:solidFill>
              <a:srgbClr val="CDD64B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08" name="Circle"/>
            <p:cNvSpPr/>
            <p:nvPr/>
          </p:nvSpPr>
          <p:spPr>
            <a:xfrm>
              <a:off x="784166" y="396769"/>
              <a:ext cx="87478" cy="93728"/>
            </a:xfrm>
            <a:prstGeom prst="ellipse">
              <a:avLst/>
            </a:prstGeom>
            <a:solidFill>
              <a:srgbClr val="00B1AF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09" name="Circle"/>
            <p:cNvSpPr/>
            <p:nvPr/>
          </p:nvSpPr>
          <p:spPr>
            <a:xfrm>
              <a:off x="496743" y="374900"/>
              <a:ext cx="134339" cy="137465"/>
            </a:xfrm>
            <a:prstGeom prst="ellipse">
              <a:avLst/>
            </a:prstGeom>
            <a:solidFill>
              <a:srgbClr val="CDD64B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10" name="Circle"/>
            <p:cNvSpPr/>
            <p:nvPr/>
          </p:nvSpPr>
          <p:spPr>
            <a:xfrm>
              <a:off x="499867" y="587344"/>
              <a:ext cx="124968" cy="124968"/>
            </a:xfrm>
            <a:prstGeom prst="ellipse">
              <a:avLst/>
            </a:prstGeom>
            <a:solidFill>
              <a:srgbClr val="00B1AF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11" name="Circle"/>
            <p:cNvSpPr/>
            <p:nvPr/>
          </p:nvSpPr>
          <p:spPr>
            <a:xfrm>
              <a:off x="234312" y="793539"/>
              <a:ext cx="124968" cy="124968"/>
            </a:xfrm>
            <a:prstGeom prst="ellipse">
              <a:avLst/>
            </a:prstGeom>
            <a:solidFill>
              <a:srgbClr val="808285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12" name="Circle"/>
            <p:cNvSpPr/>
            <p:nvPr/>
          </p:nvSpPr>
          <p:spPr>
            <a:xfrm>
              <a:off x="253057" y="606089"/>
              <a:ext cx="87478" cy="87478"/>
            </a:xfrm>
            <a:prstGeom prst="ellipse">
              <a:avLst/>
            </a:prstGeom>
            <a:solidFill>
              <a:srgbClr val="00B1AF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13" name="Oval"/>
            <p:cNvSpPr/>
            <p:nvPr/>
          </p:nvSpPr>
          <p:spPr>
            <a:xfrm>
              <a:off x="243685" y="390521"/>
              <a:ext cx="106221" cy="109346"/>
            </a:xfrm>
            <a:prstGeom prst="ellipse">
              <a:avLst/>
            </a:prstGeom>
            <a:solidFill>
              <a:srgbClr val="00B1AF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14" name="Circle"/>
            <p:cNvSpPr/>
            <p:nvPr/>
          </p:nvSpPr>
          <p:spPr>
            <a:xfrm>
              <a:off x="1062218" y="206195"/>
              <a:ext cx="62484" cy="62484"/>
            </a:xfrm>
            <a:prstGeom prst="ellipse">
              <a:avLst/>
            </a:prstGeom>
            <a:solidFill>
              <a:srgbClr val="C6168C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15" name="Circle"/>
            <p:cNvSpPr/>
            <p:nvPr/>
          </p:nvSpPr>
          <p:spPr>
            <a:xfrm>
              <a:off x="796663" y="618585"/>
              <a:ext cx="62484" cy="62485"/>
            </a:xfrm>
            <a:prstGeom prst="ellipse">
              <a:avLst/>
            </a:prstGeom>
            <a:solidFill>
              <a:srgbClr val="00B1AF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  <p:sp>
          <p:nvSpPr>
            <p:cNvPr id="1116" name="Circle"/>
            <p:cNvSpPr/>
            <p:nvPr/>
          </p:nvSpPr>
          <p:spPr>
            <a:xfrm>
              <a:off x="0" y="618585"/>
              <a:ext cx="62484" cy="62485"/>
            </a:xfrm>
            <a:prstGeom prst="ellipse">
              <a:avLst/>
            </a:prstGeom>
            <a:solidFill>
              <a:srgbClr val="00B1AF"/>
            </a:solidFill>
            <a:ln w="3175" cap="flat">
              <a:noFill/>
              <a:miter lim="400000"/>
            </a:ln>
            <a:effectLst/>
          </p:spPr>
          <p:txBody>
            <a:bodyPr wrap="square" lIns="41147" tIns="41147" rIns="41147" bIns="41147" numCol="1" anchor="t">
              <a:noAutofit/>
            </a:bodyPr>
            <a:lstStyle/>
            <a:p>
              <a:pPr marL="342910" indent="-342910">
                <a:spcBef>
                  <a:spcPts val="309"/>
                </a:spcBef>
                <a:defRPr sz="2200" b="1">
                  <a:solidFill>
                    <a:srgbClr val="000000"/>
                  </a:solidFill>
                  <a:latin typeface="Arial"/>
                  <a:ea typeface="Arial"/>
                  <a:cs typeface="Arial"/>
                  <a:sym typeface="Arial"/>
                </a:defRPr>
              </a:pPr>
              <a:endParaRPr sz="1131"/>
            </a:p>
          </p:txBody>
        </p:sp>
      </p:grpSp>
      <p:pic>
        <p:nvPicPr>
          <p:cNvPr id="1118" name="oticonPF_rgb_p.pdf" descr="oticonPF_rgb_p.pdf"/>
          <p:cNvPicPr>
            <a:picLocks noChangeAspect="1"/>
          </p:cNvPicPr>
          <p:nvPr/>
        </p:nvPicPr>
        <p:blipFill>
          <a:blip r:embed="rId6">
            <a:extLst/>
          </a:blip>
          <a:stretch>
            <a:fillRect/>
          </a:stretch>
        </p:blipFill>
        <p:spPr>
          <a:xfrm>
            <a:off x="6767943" y="5460682"/>
            <a:ext cx="1785443" cy="691860"/>
          </a:xfrm>
          <a:prstGeom prst="rect">
            <a:avLst/>
          </a:prstGeom>
          <a:ln w="3175">
            <a:miter lim="400000"/>
          </a:ln>
        </p:spPr>
      </p:pic>
      <p:sp>
        <p:nvSpPr>
          <p:cNvPr id="1119" name="benjoh@dtu.dk…"/>
          <p:cNvSpPr txBox="1"/>
          <p:nvPr/>
        </p:nvSpPr>
        <p:spPr>
          <a:xfrm>
            <a:off x="1083481" y="5466411"/>
            <a:ext cx="4849573" cy="680473"/>
          </a:xfrm>
          <a:prstGeom prst="rect">
            <a:avLst/>
          </a:prstGeom>
          <a:ln w="3175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32146" tIns="32146" rIns="32146" bIns="32146" anchor="ctr">
            <a:spAutoFit/>
          </a:bodyPr>
          <a:lstStyle/>
          <a:p>
            <a:pPr defTabSz="410777">
              <a:defRPr>
                <a:solidFill>
                  <a:srgbClr val="000000"/>
                </a:solidFill>
                <a:latin typeface="Helvetica Light"/>
                <a:ea typeface="Helvetica Light"/>
                <a:cs typeface="Helvetica Light"/>
                <a:sym typeface="Helvetica Light"/>
              </a:defRPr>
            </a:pPr>
            <a:r>
              <a:rPr lang="da-DK" u="sng">
                <a:hlinkClick r:id="rId7"/>
              </a:rPr>
              <a:t>Benjamin.Johansen@paconsulting.com</a:t>
            </a:r>
            <a:endParaRPr u="sng">
              <a:hlinkClick r:id="rId7"/>
            </a:endParaRPr>
          </a:p>
          <a:p>
            <a:pPr defTabSz="410777">
              <a:defRPr>
                <a:solidFill>
                  <a:srgbClr val="000000"/>
                </a:solidFill>
                <a:latin typeface="Helvetica Light"/>
                <a:ea typeface="Helvetica Light"/>
                <a:cs typeface="Helvetica Light"/>
                <a:sym typeface="Helvetica Light"/>
              </a:defRPr>
            </a:pPr>
            <a:r>
              <a:t>@benjohresearch</a:t>
            </a:r>
          </a:p>
        </p:txBody>
      </p:sp>
    </p:spTree>
    <p:extLst>
      <p:ext uri="{BB962C8B-B14F-4D97-AF65-F5344CB8AC3E}">
        <p14:creationId xmlns:p14="http://schemas.microsoft.com/office/powerpoint/2010/main" val="4030968166"/>
      </p:ext>
    </p:extLst>
  </p:cSld>
  <p:clrMapOvr>
    <a:masterClrMapping/>
  </p:clrMapOvr>
  <p:transition spd="med"/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53" name="Group"/>
          <p:cNvGrpSpPr/>
          <p:nvPr/>
        </p:nvGrpSpPr>
        <p:grpSpPr>
          <a:xfrm>
            <a:off x="0" y="-1704"/>
            <a:ext cx="12190413" cy="6861409"/>
            <a:chOff x="-1127702" y="0"/>
            <a:chExt cx="23703579" cy="13341626"/>
          </a:xfrm>
        </p:grpSpPr>
        <p:pic>
          <p:nvPicPr>
            <p:cNvPr id="750" name="ruben-bagues-220028.jpg" descr="ruben-bagues-220028.jpg"/>
            <p:cNvPicPr>
              <a:picLocks noChangeAspect="1"/>
            </p:cNvPicPr>
            <p:nvPr/>
          </p:nvPicPr>
          <p:blipFill>
            <a:blip r:embed="rId2">
              <a:extLst/>
            </a:blip>
            <a:srcRect t="239" b="239"/>
            <a:stretch>
              <a:fillRect/>
            </a:stretch>
          </p:blipFill>
          <p:spPr>
            <a:xfrm>
              <a:off x="-1127702" y="0"/>
              <a:ext cx="23703579" cy="13341626"/>
            </a:xfrm>
            <a:prstGeom prst="rect">
              <a:avLst/>
            </a:prstGeom>
            <a:ln w="3175" cap="flat">
              <a:noFill/>
              <a:miter lim="400000"/>
            </a:ln>
            <a:effectLst/>
          </p:spPr>
        </p:pic>
        <p:sp>
          <p:nvSpPr>
            <p:cNvPr id="751" name="Rectangle"/>
            <p:cNvSpPr/>
            <p:nvPr/>
          </p:nvSpPr>
          <p:spPr>
            <a:xfrm>
              <a:off x="0" y="2100110"/>
              <a:ext cx="21336000" cy="9141406"/>
            </a:xfrm>
            <a:prstGeom prst="rect">
              <a:avLst/>
            </a:prstGeom>
            <a:solidFill>
              <a:srgbClr val="424242">
                <a:alpha val="22526"/>
              </a:srgbClr>
            </a:solidFill>
            <a:ln w="3175" cap="flat">
              <a:noFill/>
              <a:miter lim="400000"/>
            </a:ln>
            <a:effectLst/>
          </p:spPr>
          <p:txBody>
            <a:bodyPr wrap="square" lIns="32146" tIns="32146" rIns="32146" bIns="32146" numCol="1" anchor="ctr">
              <a:noAutofit/>
            </a:bodyPr>
            <a:lstStyle/>
            <a:p>
              <a:pPr algn="ctr" defTabSz="410777">
                <a:defRPr sz="2800">
                  <a:solidFill>
                    <a:srgbClr val="FFFFFF"/>
                  </a:solidFill>
                  <a:latin typeface="Helvetica Light"/>
                  <a:ea typeface="Helvetica Light"/>
                  <a:cs typeface="Helvetica Light"/>
                  <a:sym typeface="Helvetica Light"/>
                </a:defRPr>
              </a:pPr>
              <a:endParaRPr sz="1440"/>
            </a:p>
          </p:txBody>
        </p:sp>
        <p:sp>
          <p:nvSpPr>
            <p:cNvPr id="752" name="Rubén Bagüés, CC"/>
            <p:cNvSpPr txBox="1"/>
            <p:nvPr/>
          </p:nvSpPr>
          <p:spPr>
            <a:xfrm>
              <a:off x="577418" y="12729138"/>
              <a:ext cx="2036924" cy="372474"/>
            </a:xfrm>
            <a:prstGeom prst="rect">
              <a:avLst/>
            </a:prstGeom>
            <a:noFill/>
            <a:ln w="3175" cap="flat">
              <a:noFill/>
              <a:miter lim="400000"/>
            </a:ln>
            <a:effectLst/>
            <a:extLst>
              <a:ext uri="{C572A759-6A51-4108-AA02-DFA0A04FC94B}">
                <ma14:wrappingTextBoxFlag xmlns:ma14="http://schemas.microsoft.com/office/mac/drawingml/2011/main" xmlns:a14="http://schemas.microsoft.com/office/drawing/2010/main" xmlns:m="http://schemas.openxmlformats.org/officeDocument/2006/math" xmlns="" val="1"/>
              </a:ext>
            </a:extLst>
          </p:spPr>
          <p:txBody>
            <a:bodyPr wrap="none" lIns="32146" tIns="32146" rIns="32146" bIns="32146" numCol="1" anchor="ctr">
              <a:spAutoFit/>
            </a:bodyPr>
            <a:lstStyle>
              <a:lvl1pPr algn="r">
                <a:defRPr>
                  <a:solidFill>
                    <a:srgbClr val="E9E9E9"/>
                  </a:solidFill>
                </a:defRPr>
              </a:lvl1pPr>
            </a:lstStyle>
            <a:p>
              <a:r>
                <a:rPr sz="823"/>
                <a:t>Rubén Bagüés, CC</a:t>
              </a:r>
            </a:p>
          </p:txBody>
        </p:sp>
      </p:grpSp>
      <p:pic>
        <p:nvPicPr>
          <p:cNvPr id="754" name="Image" descr="Image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10476189" y="-3137949"/>
            <a:ext cx="4688335" cy="2308048"/>
          </a:xfrm>
          <a:prstGeom prst="rect">
            <a:avLst/>
          </a:prstGeom>
          <a:ln w="3175">
            <a:miter lim="400000"/>
          </a:ln>
        </p:spPr>
      </p:pic>
      <p:sp>
        <p:nvSpPr>
          <p:cNvPr id="755" name="hearing…"/>
          <p:cNvSpPr txBox="1"/>
          <p:nvPr/>
        </p:nvSpPr>
        <p:spPr>
          <a:xfrm>
            <a:off x="6186478" y="586291"/>
            <a:ext cx="5092771" cy="3949381"/>
          </a:xfrm>
          <a:prstGeom prst="rect">
            <a:avLst/>
          </a:prstGeom>
          <a:ln w="3175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32146" tIns="32146" rIns="32146" bIns="32146" anchor="ctr">
            <a:spAutoFit/>
          </a:bodyPr>
          <a:lstStyle/>
          <a:p>
            <a:pPr algn="r" defTabSz="410777">
              <a:spcBef>
                <a:spcPts val="1982"/>
              </a:spcBef>
              <a:defRPr sz="14200">
                <a:solidFill>
                  <a:srgbClr val="FFFFFF"/>
                </a:solidFill>
                <a:latin typeface="Avenir Heavy"/>
                <a:ea typeface="Avenir Heavy"/>
                <a:cs typeface="Avenir Heavy"/>
                <a:sym typeface="Avenir Heavy"/>
              </a:defRPr>
            </a:pPr>
            <a:r>
              <a:rPr sz="7303"/>
              <a:t>hearing</a:t>
            </a:r>
          </a:p>
          <a:p>
            <a:pPr algn="r" defTabSz="410777">
              <a:spcBef>
                <a:spcPts val="1982"/>
              </a:spcBef>
              <a:defRPr sz="14200">
                <a:solidFill>
                  <a:srgbClr val="FFFFFF"/>
                </a:solidFill>
                <a:latin typeface="Avenir Heavy"/>
                <a:ea typeface="Avenir Heavy"/>
                <a:cs typeface="Avenir Heavy"/>
                <a:sym typeface="Avenir Heavy"/>
              </a:defRPr>
            </a:pPr>
            <a:r>
              <a:rPr sz="7303"/>
              <a:t>impairment</a:t>
            </a:r>
          </a:p>
          <a:p>
            <a:pPr algn="r" defTabSz="410777">
              <a:spcBef>
                <a:spcPts val="1982"/>
              </a:spcBef>
              <a:defRPr sz="14200">
                <a:solidFill>
                  <a:srgbClr val="FFFFFF"/>
                </a:solidFill>
                <a:latin typeface="Avenir Heavy"/>
                <a:ea typeface="Avenir Heavy"/>
                <a:cs typeface="Avenir Heavy"/>
                <a:sym typeface="Avenir Heavy"/>
              </a:defRPr>
            </a:pPr>
            <a:r>
              <a:rPr sz="7303"/>
              <a:t>affects</a:t>
            </a:r>
          </a:p>
        </p:txBody>
      </p:sp>
      <p:sp>
        <p:nvSpPr>
          <p:cNvPr id="756" name="someone you know"/>
          <p:cNvSpPr txBox="1"/>
          <p:nvPr/>
        </p:nvSpPr>
        <p:spPr>
          <a:xfrm>
            <a:off x="2649462" y="4519575"/>
            <a:ext cx="8551218" cy="1188754"/>
          </a:xfrm>
          <a:prstGeom prst="rect">
            <a:avLst/>
          </a:prstGeom>
          <a:ln w="3175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32146" tIns="32146" rIns="32146" bIns="32146" anchor="ctr">
            <a:spAutoFit/>
          </a:bodyPr>
          <a:lstStyle>
            <a:lvl1pPr algn="r" defTabSz="798710">
              <a:defRPr sz="14200">
                <a:latin typeface="Avenir Heavy"/>
                <a:ea typeface="Avenir Heavy"/>
                <a:cs typeface="Avenir Heavy"/>
                <a:sym typeface="Avenir Heavy"/>
              </a:defRPr>
            </a:lvl1pPr>
          </a:lstStyle>
          <a:p>
            <a:r>
              <a:rPr sz="7303">
                <a:solidFill>
                  <a:srgbClr val="FFC000"/>
                </a:solidFill>
              </a:rPr>
              <a:t>someone you know</a:t>
            </a:r>
          </a:p>
        </p:txBody>
      </p:sp>
    </p:spTree>
    <p:extLst>
      <p:ext uri="{BB962C8B-B14F-4D97-AF65-F5344CB8AC3E}">
        <p14:creationId xmlns:p14="http://schemas.microsoft.com/office/powerpoint/2010/main" val="2579837084"/>
      </p:ext>
    </p:extLst>
  </p:cSld>
  <p:clrMapOvr>
    <a:masterClrMapping/>
  </p:clrMapOvr>
  <p:transition spd="med"/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oup">
            <a:extLst>
              <a:ext uri="{FF2B5EF4-FFF2-40B4-BE49-F238E27FC236}">
                <a16:creationId xmlns:a16="http://schemas.microsoft.com/office/drawing/2014/main" id="{F7318370-981B-9943-AB0C-62AE22BE3F87}"/>
              </a:ext>
            </a:extLst>
          </p:cNvPr>
          <p:cNvGrpSpPr/>
          <p:nvPr/>
        </p:nvGrpSpPr>
        <p:grpSpPr>
          <a:xfrm>
            <a:off x="0" y="-1704"/>
            <a:ext cx="12190413" cy="6861409"/>
            <a:chOff x="-1127702" y="0"/>
            <a:chExt cx="23703579" cy="13341626"/>
          </a:xfrm>
        </p:grpSpPr>
        <p:pic>
          <p:nvPicPr>
            <p:cNvPr id="12" name="ruben-bagues-220028.jpg" descr="ruben-bagues-220028.jpg">
              <a:extLst>
                <a:ext uri="{FF2B5EF4-FFF2-40B4-BE49-F238E27FC236}">
                  <a16:creationId xmlns:a16="http://schemas.microsoft.com/office/drawing/2014/main" id="{A0D9B48B-7C4A-D342-BFB9-C69BA18F71F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/>
            </a:blip>
            <a:srcRect t="239" b="239"/>
            <a:stretch>
              <a:fillRect/>
            </a:stretch>
          </p:blipFill>
          <p:spPr>
            <a:xfrm>
              <a:off x="-1127702" y="0"/>
              <a:ext cx="23703579" cy="13341626"/>
            </a:xfrm>
            <a:prstGeom prst="rect">
              <a:avLst/>
            </a:prstGeom>
            <a:ln w="3175" cap="flat">
              <a:noFill/>
              <a:miter lim="400000"/>
            </a:ln>
            <a:effectLst/>
          </p:spPr>
        </p:pic>
        <p:sp>
          <p:nvSpPr>
            <p:cNvPr id="13" name="Rectangle">
              <a:extLst>
                <a:ext uri="{FF2B5EF4-FFF2-40B4-BE49-F238E27FC236}">
                  <a16:creationId xmlns:a16="http://schemas.microsoft.com/office/drawing/2014/main" id="{9010EEB3-D8A1-B045-815E-BDBB02548DF9}"/>
                </a:ext>
              </a:extLst>
            </p:cNvPr>
            <p:cNvSpPr/>
            <p:nvPr/>
          </p:nvSpPr>
          <p:spPr>
            <a:xfrm>
              <a:off x="0" y="2100110"/>
              <a:ext cx="21336000" cy="9141406"/>
            </a:xfrm>
            <a:prstGeom prst="rect">
              <a:avLst/>
            </a:prstGeom>
            <a:solidFill>
              <a:srgbClr val="424242">
                <a:alpha val="22526"/>
              </a:srgbClr>
            </a:solidFill>
            <a:ln w="3175" cap="flat">
              <a:noFill/>
              <a:miter lim="400000"/>
            </a:ln>
            <a:effectLst/>
          </p:spPr>
          <p:txBody>
            <a:bodyPr wrap="square" lIns="32146" tIns="32146" rIns="32146" bIns="32146" numCol="1" anchor="ctr">
              <a:noAutofit/>
            </a:bodyPr>
            <a:lstStyle/>
            <a:p>
              <a:pPr algn="ctr" defTabSz="410777">
                <a:defRPr sz="2800">
                  <a:solidFill>
                    <a:srgbClr val="FFFFFF"/>
                  </a:solidFill>
                  <a:latin typeface="Helvetica Light"/>
                  <a:ea typeface="Helvetica Light"/>
                  <a:cs typeface="Helvetica Light"/>
                  <a:sym typeface="Helvetica Light"/>
                </a:defRPr>
              </a:pPr>
              <a:endParaRPr sz="1440"/>
            </a:p>
          </p:txBody>
        </p:sp>
        <p:sp>
          <p:nvSpPr>
            <p:cNvPr id="14" name="Rubén Bagüés, CC">
              <a:extLst>
                <a:ext uri="{FF2B5EF4-FFF2-40B4-BE49-F238E27FC236}">
                  <a16:creationId xmlns:a16="http://schemas.microsoft.com/office/drawing/2014/main" id="{17F685B1-54ED-2447-AFC5-3C6A9C4E6709}"/>
                </a:ext>
              </a:extLst>
            </p:cNvPr>
            <p:cNvSpPr txBox="1"/>
            <p:nvPr/>
          </p:nvSpPr>
          <p:spPr>
            <a:xfrm>
              <a:off x="577418" y="12729138"/>
              <a:ext cx="2036924" cy="372474"/>
            </a:xfrm>
            <a:prstGeom prst="rect">
              <a:avLst/>
            </a:prstGeom>
            <a:noFill/>
            <a:ln w="3175" cap="flat">
              <a:noFill/>
              <a:miter lim="400000"/>
            </a:ln>
            <a:effectLst/>
            <a:extLst>
              <a:ext uri="{C572A759-6A51-4108-AA02-DFA0A04FC94B}">
                <ma14:wrappingTextBoxFlag xmlns:ma14="http://schemas.microsoft.com/office/mac/drawingml/2011/main" xmlns:a14="http://schemas.microsoft.com/office/drawing/2010/main" xmlns:m="http://schemas.openxmlformats.org/officeDocument/2006/math" xmlns="" val="1"/>
              </a:ext>
            </a:extLst>
          </p:spPr>
          <p:txBody>
            <a:bodyPr wrap="none" lIns="32146" tIns="32146" rIns="32146" bIns="32146" numCol="1" anchor="ctr">
              <a:spAutoFit/>
            </a:bodyPr>
            <a:lstStyle>
              <a:lvl1pPr algn="r">
                <a:defRPr>
                  <a:solidFill>
                    <a:srgbClr val="E9E9E9"/>
                  </a:solidFill>
                </a:defRPr>
              </a:lvl1pPr>
            </a:lstStyle>
            <a:p>
              <a:r>
                <a:rPr sz="823"/>
                <a:t>Rubén Bagüés, CC</a:t>
              </a:r>
            </a:p>
          </p:txBody>
        </p:sp>
      </p:grpSp>
      <p:pic>
        <p:nvPicPr>
          <p:cNvPr id="762" name="Image" descr="Image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10476189" y="-3137949"/>
            <a:ext cx="4688335" cy="2308048"/>
          </a:xfrm>
          <a:prstGeom prst="rect">
            <a:avLst/>
          </a:prstGeom>
          <a:ln w="3175">
            <a:miter lim="400000"/>
          </a:ln>
        </p:spPr>
      </p:pic>
      <p:sp>
        <p:nvSpPr>
          <p:cNvPr id="764" name="1 out of 5"/>
          <p:cNvSpPr txBox="1"/>
          <p:nvPr/>
        </p:nvSpPr>
        <p:spPr>
          <a:xfrm>
            <a:off x="6544760" y="4519575"/>
            <a:ext cx="4655921" cy="1188754"/>
          </a:xfrm>
          <a:prstGeom prst="rect">
            <a:avLst/>
          </a:prstGeom>
          <a:ln w="3175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32146" tIns="32146" rIns="32146" bIns="32146" anchor="ctr">
            <a:spAutoFit/>
          </a:bodyPr>
          <a:lstStyle>
            <a:lvl1pPr algn="r" defTabSz="798710">
              <a:defRPr sz="14200">
                <a:latin typeface="Avenir Heavy"/>
                <a:ea typeface="Avenir Heavy"/>
                <a:cs typeface="Avenir Heavy"/>
                <a:sym typeface="Avenir Heavy"/>
              </a:defRPr>
            </a:lvl1pPr>
          </a:lstStyle>
          <a:p>
            <a:r>
              <a:rPr sz="7303">
                <a:solidFill>
                  <a:srgbClr val="FFC000"/>
                </a:solidFill>
              </a:rPr>
              <a:t>1 out of 5 </a:t>
            </a:r>
          </a:p>
        </p:txBody>
      </p:sp>
      <p:sp>
        <p:nvSpPr>
          <p:cNvPr id="765" name="WHO 2015"/>
          <p:cNvSpPr txBox="1"/>
          <p:nvPr/>
        </p:nvSpPr>
        <p:spPr>
          <a:xfrm>
            <a:off x="9833400" y="5704808"/>
            <a:ext cx="1318468" cy="365643"/>
          </a:xfrm>
          <a:prstGeom prst="rect">
            <a:avLst/>
          </a:prstGeom>
          <a:ln w="3175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32146" tIns="32146" rIns="32146" bIns="32146" anchor="ctr">
            <a:spAutoFit/>
          </a:bodyPr>
          <a:lstStyle>
            <a:lvl1pPr algn="r" defTabSz="798710">
              <a:defRPr sz="3800">
                <a:solidFill>
                  <a:srgbClr val="FFFFFF"/>
                </a:solidFill>
                <a:latin typeface="Avenir Book"/>
                <a:ea typeface="Avenir Book"/>
                <a:cs typeface="Avenir Book"/>
                <a:sym typeface="Avenir Book"/>
              </a:defRPr>
            </a:lvl1pPr>
          </a:lstStyle>
          <a:p>
            <a:r>
              <a:rPr sz="1954"/>
              <a:t>WHO 2015</a:t>
            </a:r>
          </a:p>
        </p:txBody>
      </p:sp>
      <p:sp>
        <p:nvSpPr>
          <p:cNvPr id="10" name="hearing…">
            <a:extLst>
              <a:ext uri="{FF2B5EF4-FFF2-40B4-BE49-F238E27FC236}">
                <a16:creationId xmlns:a16="http://schemas.microsoft.com/office/drawing/2014/main" id="{D38063D0-5AB5-9544-ADF6-B42672B09D6F}"/>
              </a:ext>
            </a:extLst>
          </p:cNvPr>
          <p:cNvSpPr txBox="1"/>
          <p:nvPr/>
        </p:nvSpPr>
        <p:spPr>
          <a:xfrm>
            <a:off x="6186478" y="586291"/>
            <a:ext cx="5092771" cy="3949381"/>
          </a:xfrm>
          <a:prstGeom prst="rect">
            <a:avLst/>
          </a:prstGeom>
          <a:ln w="3175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32146" tIns="32146" rIns="32146" bIns="32146" anchor="ctr">
            <a:spAutoFit/>
          </a:bodyPr>
          <a:lstStyle/>
          <a:p>
            <a:pPr algn="r" defTabSz="410777">
              <a:spcBef>
                <a:spcPts val="1982"/>
              </a:spcBef>
              <a:defRPr sz="14200">
                <a:solidFill>
                  <a:srgbClr val="FFFFFF"/>
                </a:solidFill>
                <a:latin typeface="Avenir Heavy"/>
                <a:ea typeface="Avenir Heavy"/>
                <a:cs typeface="Avenir Heavy"/>
                <a:sym typeface="Avenir Heavy"/>
              </a:defRPr>
            </a:pPr>
            <a:r>
              <a:rPr sz="7303"/>
              <a:t>hearing</a:t>
            </a:r>
          </a:p>
          <a:p>
            <a:pPr algn="r" defTabSz="410777">
              <a:spcBef>
                <a:spcPts val="1982"/>
              </a:spcBef>
              <a:defRPr sz="14200">
                <a:solidFill>
                  <a:srgbClr val="FFFFFF"/>
                </a:solidFill>
                <a:latin typeface="Avenir Heavy"/>
                <a:ea typeface="Avenir Heavy"/>
                <a:cs typeface="Avenir Heavy"/>
                <a:sym typeface="Avenir Heavy"/>
              </a:defRPr>
            </a:pPr>
            <a:r>
              <a:rPr sz="7303"/>
              <a:t>impairment</a:t>
            </a:r>
          </a:p>
          <a:p>
            <a:pPr algn="r" defTabSz="410777">
              <a:spcBef>
                <a:spcPts val="1982"/>
              </a:spcBef>
              <a:defRPr sz="14200">
                <a:solidFill>
                  <a:srgbClr val="FFFFFF"/>
                </a:solidFill>
                <a:latin typeface="Avenir Heavy"/>
                <a:ea typeface="Avenir Heavy"/>
                <a:cs typeface="Avenir Heavy"/>
                <a:sym typeface="Avenir Heavy"/>
              </a:defRPr>
            </a:pPr>
            <a:r>
              <a:rPr sz="7303"/>
              <a:t>affects</a:t>
            </a:r>
          </a:p>
        </p:txBody>
      </p:sp>
    </p:spTree>
    <p:extLst>
      <p:ext uri="{BB962C8B-B14F-4D97-AF65-F5344CB8AC3E}">
        <p14:creationId xmlns:p14="http://schemas.microsoft.com/office/powerpoint/2010/main" val="1334974792"/>
      </p:ext>
    </p:extLst>
  </p:cSld>
  <p:clrMapOvr>
    <a:masterClrMapping/>
  </p:clrMapOvr>
  <p:transition spd="med"/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" name="Group">
            <a:extLst>
              <a:ext uri="{FF2B5EF4-FFF2-40B4-BE49-F238E27FC236}">
                <a16:creationId xmlns:a16="http://schemas.microsoft.com/office/drawing/2014/main" id="{E7A9504A-9382-E24F-9448-2C4A23977445}"/>
              </a:ext>
            </a:extLst>
          </p:cNvPr>
          <p:cNvGrpSpPr/>
          <p:nvPr/>
        </p:nvGrpSpPr>
        <p:grpSpPr>
          <a:xfrm>
            <a:off x="0" y="-1704"/>
            <a:ext cx="12190413" cy="6861409"/>
            <a:chOff x="-1127702" y="0"/>
            <a:chExt cx="23703579" cy="13341626"/>
          </a:xfrm>
        </p:grpSpPr>
        <p:pic>
          <p:nvPicPr>
            <p:cNvPr id="11" name="ruben-bagues-220028.jpg" descr="ruben-bagues-220028.jpg">
              <a:extLst>
                <a:ext uri="{FF2B5EF4-FFF2-40B4-BE49-F238E27FC236}">
                  <a16:creationId xmlns:a16="http://schemas.microsoft.com/office/drawing/2014/main" id="{F5519A78-38E9-544D-A13B-7EB01143841F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/>
            </a:blip>
            <a:srcRect t="239" b="239"/>
            <a:stretch>
              <a:fillRect/>
            </a:stretch>
          </p:blipFill>
          <p:spPr>
            <a:xfrm>
              <a:off x="-1127702" y="0"/>
              <a:ext cx="23703579" cy="13341626"/>
            </a:xfrm>
            <a:prstGeom prst="rect">
              <a:avLst/>
            </a:prstGeom>
            <a:ln w="3175" cap="flat">
              <a:noFill/>
              <a:miter lim="400000"/>
            </a:ln>
            <a:effectLst/>
          </p:spPr>
        </p:pic>
        <p:sp>
          <p:nvSpPr>
            <p:cNvPr id="12" name="Rectangle">
              <a:extLst>
                <a:ext uri="{FF2B5EF4-FFF2-40B4-BE49-F238E27FC236}">
                  <a16:creationId xmlns:a16="http://schemas.microsoft.com/office/drawing/2014/main" id="{29CEF232-9159-E943-9A76-AF20242727C2}"/>
                </a:ext>
              </a:extLst>
            </p:cNvPr>
            <p:cNvSpPr/>
            <p:nvPr/>
          </p:nvSpPr>
          <p:spPr>
            <a:xfrm>
              <a:off x="0" y="2100110"/>
              <a:ext cx="21336000" cy="9141406"/>
            </a:xfrm>
            <a:prstGeom prst="rect">
              <a:avLst/>
            </a:prstGeom>
            <a:solidFill>
              <a:srgbClr val="424242">
                <a:alpha val="22526"/>
              </a:srgbClr>
            </a:solidFill>
            <a:ln w="3175" cap="flat">
              <a:noFill/>
              <a:miter lim="400000"/>
            </a:ln>
            <a:effectLst/>
          </p:spPr>
          <p:txBody>
            <a:bodyPr wrap="square" lIns="32146" tIns="32146" rIns="32146" bIns="32146" numCol="1" anchor="ctr">
              <a:noAutofit/>
            </a:bodyPr>
            <a:lstStyle/>
            <a:p>
              <a:pPr algn="ctr" defTabSz="410777">
                <a:defRPr sz="2800">
                  <a:solidFill>
                    <a:srgbClr val="FFFFFF"/>
                  </a:solidFill>
                  <a:latin typeface="Helvetica Light"/>
                  <a:ea typeface="Helvetica Light"/>
                  <a:cs typeface="Helvetica Light"/>
                  <a:sym typeface="Helvetica Light"/>
                </a:defRPr>
              </a:pPr>
              <a:endParaRPr sz="1440"/>
            </a:p>
          </p:txBody>
        </p:sp>
        <p:sp>
          <p:nvSpPr>
            <p:cNvPr id="13" name="Rubén Bagüés, CC">
              <a:extLst>
                <a:ext uri="{FF2B5EF4-FFF2-40B4-BE49-F238E27FC236}">
                  <a16:creationId xmlns:a16="http://schemas.microsoft.com/office/drawing/2014/main" id="{C157581D-8A88-DC44-85E5-0C6812B8827D}"/>
                </a:ext>
              </a:extLst>
            </p:cNvPr>
            <p:cNvSpPr txBox="1"/>
            <p:nvPr/>
          </p:nvSpPr>
          <p:spPr>
            <a:xfrm>
              <a:off x="577418" y="12729138"/>
              <a:ext cx="2036924" cy="372474"/>
            </a:xfrm>
            <a:prstGeom prst="rect">
              <a:avLst/>
            </a:prstGeom>
            <a:noFill/>
            <a:ln w="3175" cap="flat">
              <a:noFill/>
              <a:miter lim="400000"/>
            </a:ln>
            <a:effectLst/>
            <a:extLst>
              <a:ext uri="{C572A759-6A51-4108-AA02-DFA0A04FC94B}">
                <ma14:wrappingTextBoxFlag xmlns:ma14="http://schemas.microsoft.com/office/mac/drawingml/2011/main" xmlns:a14="http://schemas.microsoft.com/office/drawing/2010/main" xmlns:m="http://schemas.openxmlformats.org/officeDocument/2006/math" xmlns="" val="1"/>
              </a:ext>
            </a:extLst>
          </p:spPr>
          <p:txBody>
            <a:bodyPr wrap="none" lIns="32146" tIns="32146" rIns="32146" bIns="32146" numCol="1" anchor="ctr">
              <a:spAutoFit/>
            </a:bodyPr>
            <a:lstStyle>
              <a:lvl1pPr algn="r">
                <a:defRPr>
                  <a:solidFill>
                    <a:srgbClr val="E9E9E9"/>
                  </a:solidFill>
                </a:defRPr>
              </a:lvl1pPr>
            </a:lstStyle>
            <a:p>
              <a:r>
                <a:rPr sz="823"/>
                <a:t>Rubén Bagüés, CC</a:t>
              </a:r>
            </a:p>
          </p:txBody>
        </p:sp>
      </p:grpSp>
      <p:pic>
        <p:nvPicPr>
          <p:cNvPr id="771" name="Image" descr="Image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10476189" y="-3137949"/>
            <a:ext cx="4688335" cy="2308048"/>
          </a:xfrm>
          <a:prstGeom prst="rect">
            <a:avLst/>
          </a:prstGeom>
          <a:ln w="3175">
            <a:miter lim="400000"/>
          </a:ln>
        </p:spPr>
      </p:pic>
      <p:sp>
        <p:nvSpPr>
          <p:cNvPr id="772" name="annual cost"/>
          <p:cNvSpPr txBox="1"/>
          <p:nvPr/>
        </p:nvSpPr>
        <p:spPr>
          <a:xfrm>
            <a:off x="6273874" y="2304102"/>
            <a:ext cx="5005375" cy="1188754"/>
          </a:xfrm>
          <a:prstGeom prst="rect">
            <a:avLst/>
          </a:prstGeom>
          <a:ln w="3175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32146" tIns="32146" rIns="32146" bIns="32146" anchor="ctr">
            <a:spAutoFit/>
          </a:bodyPr>
          <a:lstStyle>
            <a:lvl1pPr algn="r" defTabSz="798710">
              <a:defRPr sz="14200">
                <a:solidFill>
                  <a:srgbClr val="FFFFFF"/>
                </a:solidFill>
                <a:latin typeface="Avenir Heavy"/>
                <a:ea typeface="Avenir Heavy"/>
                <a:cs typeface="Avenir Heavy"/>
                <a:sym typeface="Avenir Heavy"/>
              </a:defRPr>
            </a:lvl1pPr>
          </a:lstStyle>
          <a:p>
            <a:r>
              <a:rPr sz="7303"/>
              <a:t>annual cost</a:t>
            </a:r>
          </a:p>
        </p:txBody>
      </p:sp>
      <p:sp>
        <p:nvSpPr>
          <p:cNvPr id="773" name="£30 billion"/>
          <p:cNvSpPr txBox="1"/>
          <p:nvPr/>
        </p:nvSpPr>
        <p:spPr>
          <a:xfrm>
            <a:off x="6299229" y="3494400"/>
            <a:ext cx="4957606" cy="1188754"/>
          </a:xfrm>
          <a:prstGeom prst="rect">
            <a:avLst/>
          </a:prstGeom>
          <a:ln w="3175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32146" tIns="32146" rIns="32146" bIns="32146" anchor="ctr">
            <a:spAutoFit/>
          </a:bodyPr>
          <a:lstStyle>
            <a:lvl1pPr algn="r" defTabSz="798710">
              <a:defRPr sz="14200">
                <a:latin typeface="Avenir Heavy"/>
                <a:ea typeface="Avenir Heavy"/>
                <a:cs typeface="Avenir Heavy"/>
                <a:sym typeface="Avenir Heavy"/>
              </a:defRPr>
            </a:lvl1pPr>
          </a:lstStyle>
          <a:p>
            <a:r>
              <a:rPr sz="7303">
                <a:solidFill>
                  <a:srgbClr val="FFC000"/>
                </a:solidFill>
              </a:rPr>
              <a:t>£30 billion </a:t>
            </a:r>
          </a:p>
        </p:txBody>
      </p:sp>
      <p:sp>
        <p:nvSpPr>
          <p:cNvPr id="774" name="Archbold  et al. 2014"/>
          <p:cNvSpPr txBox="1"/>
          <p:nvPr/>
        </p:nvSpPr>
        <p:spPr>
          <a:xfrm>
            <a:off x="8743036" y="5704808"/>
            <a:ext cx="2408831" cy="365643"/>
          </a:xfrm>
          <a:prstGeom prst="rect">
            <a:avLst/>
          </a:prstGeom>
          <a:ln w="3175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32146" tIns="32146" rIns="32146" bIns="32146" anchor="ctr">
            <a:spAutoFit/>
          </a:bodyPr>
          <a:lstStyle>
            <a:lvl1pPr algn="r" defTabSz="798710">
              <a:defRPr sz="3800">
                <a:solidFill>
                  <a:srgbClr val="FFFFFF"/>
                </a:solidFill>
                <a:latin typeface="Avenir Book"/>
                <a:ea typeface="Avenir Book"/>
                <a:cs typeface="Avenir Book"/>
                <a:sym typeface="Avenir Book"/>
              </a:defRPr>
            </a:lvl1pPr>
          </a:lstStyle>
          <a:p>
            <a:r>
              <a:rPr sz="1954"/>
              <a:t>Archbold  et al. 2014</a:t>
            </a:r>
          </a:p>
        </p:txBody>
      </p:sp>
    </p:spTree>
    <p:extLst>
      <p:ext uri="{BB962C8B-B14F-4D97-AF65-F5344CB8AC3E}">
        <p14:creationId xmlns:p14="http://schemas.microsoft.com/office/powerpoint/2010/main" val="1297556211"/>
      </p:ext>
    </p:extLst>
  </p:cSld>
  <p:clrMapOvr>
    <a:masterClrMapping/>
  </p:clrMapOvr>
  <p:transition spd="med"/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6AF37DE7-A7BE-4344-8418-38CE476DA1C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DCF2461-CB9A-C74A-B42D-F506482E6BC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saturation sat="33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0"/>
            <a:ext cx="12190413" cy="83957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7423702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solidFill>
                  <a:schemeClr val="tx1"/>
                </a:solidFill>
              </a:rPr>
              <a:t>The Current Fitting Paradigm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9556A10-DF76-F145-BA21-350D9E3C76C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47800" y="2564904"/>
            <a:ext cx="9639300" cy="27686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180866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Content Placeholder 9">
            <a:extLst>
              <a:ext uri="{FF2B5EF4-FFF2-40B4-BE49-F238E27FC236}">
                <a16:creationId xmlns:a16="http://schemas.microsoft.com/office/drawing/2014/main" id="{4716B0F9-9D29-EB46-8EA5-C825E0F2D04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9751" y="206480"/>
            <a:ext cx="10250031" cy="5963340"/>
          </a:xfr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2678" y="426127"/>
            <a:ext cx="9937104" cy="972716"/>
          </a:xfrm>
          <a:solidFill>
            <a:schemeClr val="tx1">
              <a:lumMod val="50000"/>
              <a:lumOff val="50000"/>
              <a:alpha val="60000"/>
            </a:schemeClr>
          </a:solidFill>
        </p:spPr>
        <p:txBody>
          <a:bodyPr/>
          <a:lstStyle/>
          <a:p>
            <a:r>
              <a:rPr lang="da-DK" dirty="0">
                <a:solidFill>
                  <a:schemeClr val="bg1"/>
                </a:solidFill>
              </a:rPr>
              <a:t>The Current Fitting Paradigm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9CA3A314-F6FD-4143-BB86-8C1B849C42D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42678" y="620688"/>
            <a:ext cx="10010466" cy="5630887"/>
          </a:xfr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2678" y="426127"/>
            <a:ext cx="9937104" cy="972716"/>
          </a:xfrm>
          <a:noFill/>
        </p:spPr>
        <p:txBody>
          <a:bodyPr/>
          <a:lstStyle/>
          <a:p>
            <a:r>
              <a:rPr lang="da-DK" dirty="0">
                <a:solidFill>
                  <a:schemeClr val="bg1"/>
                </a:solidFill>
              </a:rPr>
              <a:t>The Current Fitting Paradigm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6956219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845333251000887","enableDocumentContentUpdater":true,"version":"1.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6845333251157087","enableDocumentContentUpdater":true,"version":"1.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elementsMetadata":[],"documentContentValidatorConfiguration":{"enableDocumentContentValidator":false,"documentContentValidatorVersion":0},"slideId":"636845333251157087","enableDocumentContentUpdater":true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elementsMetadata":[],"documentContentValidatorConfiguration":{"enableDocumentContentValidator":false,"documentContentValidatorVersion":0},"slideId":"636845333251157087","enableDocumentContentUpdater":true,"version":"1.2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elementsMetadata":[],"documentContentValidatorConfiguration":{"enableDocumentContentValidator":false,"documentContentValidatorVersion":0},"slideId":"636845333251157087","enableDocumentContentUpdater":true,"version":"1.2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elementsMetadata":[],"documentContentValidatorConfiguration":{"enableDocumentContentValidator":false,"documentContentValidatorVersion":0},"slideId":"636845333251157087","enableDocumentContentUpdater":true,"version":"1.2"}]]></TemplafySlideTemplateConfiguration>
</file>

<file path=customXml/item21.xml><?xml version="1.0" encoding="utf-8"?>
<TemplafySlideTemplateConfiguration><![CDATA[{"elementsMetadata":[],"documentContentValidatorConfiguration":{"enableDocumentContentValidator":false,"documentContentValidatorVersion":0},"slideId":"636845333251157087","enableDocumentContentUpdater":true,"version":"1.2"}]]></TemplafySlideTemplateConfiguration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845333251157087","enableDocumentContentUpdater":true,"version":"1.2"}]]></TemplafySlideTemplateConfiguration>
</file>

<file path=customXml/item4.xml><?xml version="1.0" encoding="utf-8"?>
<TemplafyTemplateConfiguration><![CDATA[{"elementsMetadata":[{"type":"shape","id":"47312849-2e1b-4a91-9e75-a76fd6741fbf","elementConfiguration":{"binding":"UserProfile.Offices.Workarea_{{DocumentLanguage}}","disableUpdates":false,"type":"text"}},{"type":"shape","id":"a78bec28-3517-4f86-942e-e3f7cd7b58a0","elementConfiguration":{"binding":"Form.Date","format":"{{DateFormats.GeneralDate}}","disableUpdates":false,"type":"date"}},{"type":"shape","id":"25ef751c-cdde-4ddc-814e-1b2beb58ff43","elementConfiguration":{"binding":"Form.PresentationTitle","disableUpdates":false,"type":"text"}},{"type":"shape","id":"df21fbec-6096-41d1-80f5-9808e98207e0","elementConfiguration":{"binding":"UserProfile.Offices.Workarea_{{DocumentLanguage}}","disableUpdates":false,"type":"text"}},{"type":"shape","id":"026ef463-6407-4226-8964-6606dd71b2f0","elementConfiguration":{"binding":"Form.Date","format":"{{DateFormats.GeneralDate}}","disableUpdates":false,"type":"date"}},{"type":"shape","id":"274b7621-73ce-4afa-893c-5800665ec257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zBTgNpLbUp9DH2m3qw8MzQ=="},{"name":"PresentationTitle","value":"61zCjZzXuD25tMaNVWE9zmuvQaC2H+Tqhs3QUPkZIcPy+xbxw85ba4M/cZGoM0oU48FgnloGZFnKjYq/ATLhnq8053dfKG39UvEymr01x2E="}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845333251157087","enableDocumentContentUpdater":true,"version":"1.2"}]]></TemplafySlideTemplate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6845333251157087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744FCEE4-9F6B-4C38-8C3F-4BF5E8C6445A}">
  <ds:schemaRefs/>
</ds:datastoreItem>
</file>

<file path=customXml/itemProps10.xml><?xml version="1.0" encoding="utf-8"?>
<ds:datastoreItem xmlns:ds="http://schemas.openxmlformats.org/officeDocument/2006/customXml" ds:itemID="{3DA1E76C-E769-ED47-8DCF-39EC9E68A86C}">
  <ds:schemaRefs/>
</ds:datastoreItem>
</file>

<file path=customXml/itemProps11.xml><?xml version="1.0" encoding="utf-8"?>
<ds:datastoreItem xmlns:ds="http://schemas.openxmlformats.org/officeDocument/2006/customXml" ds:itemID="{BADE7C03-27DB-4243-BF09-78A43A29D9C7}">
  <ds:schemaRefs/>
</ds:datastoreItem>
</file>

<file path=customXml/itemProps12.xml><?xml version="1.0" encoding="utf-8"?>
<ds:datastoreItem xmlns:ds="http://schemas.openxmlformats.org/officeDocument/2006/customXml" ds:itemID="{E094F59F-16FF-4F4D-9776-A536040825EC}">
  <ds:schemaRefs/>
</ds:datastoreItem>
</file>

<file path=customXml/itemProps13.xml><?xml version="1.0" encoding="utf-8"?>
<ds:datastoreItem xmlns:ds="http://schemas.openxmlformats.org/officeDocument/2006/customXml" ds:itemID="{A0BEDA49-8738-884F-ACAB-B3E87E1A5361}">
  <ds:schemaRefs/>
</ds:datastoreItem>
</file>

<file path=customXml/itemProps14.xml><?xml version="1.0" encoding="utf-8"?>
<ds:datastoreItem xmlns:ds="http://schemas.openxmlformats.org/officeDocument/2006/customXml" ds:itemID="{EAC5B24B-4B0A-BB42-86A0-0E90F86E6A5C}">
  <ds:schemaRefs/>
</ds:datastoreItem>
</file>

<file path=customXml/itemProps15.xml><?xml version="1.0" encoding="utf-8"?>
<ds:datastoreItem xmlns:ds="http://schemas.openxmlformats.org/officeDocument/2006/customXml" ds:itemID="{56282E8D-FD50-2243-BFC2-51E984A2BD9F}">
  <ds:schemaRefs/>
</ds:datastoreItem>
</file>

<file path=customXml/itemProps16.xml><?xml version="1.0" encoding="utf-8"?>
<ds:datastoreItem xmlns:ds="http://schemas.openxmlformats.org/officeDocument/2006/customXml" ds:itemID="{94BC861C-F761-9C4E-B7A4-98AED2576F83}">
  <ds:schemaRefs/>
</ds:datastoreItem>
</file>

<file path=customXml/itemProps17.xml><?xml version="1.0" encoding="utf-8"?>
<ds:datastoreItem xmlns:ds="http://schemas.openxmlformats.org/officeDocument/2006/customXml" ds:itemID="{E0CB2E27-FB59-864A-9238-9A83A4D19211}">
  <ds:schemaRefs/>
</ds:datastoreItem>
</file>

<file path=customXml/itemProps18.xml><?xml version="1.0" encoding="utf-8"?>
<ds:datastoreItem xmlns:ds="http://schemas.openxmlformats.org/officeDocument/2006/customXml" ds:itemID="{65A73B05-6FFB-154F-B31A-F30672D4D37C}">
  <ds:schemaRefs/>
</ds:datastoreItem>
</file>

<file path=customXml/itemProps19.xml><?xml version="1.0" encoding="utf-8"?>
<ds:datastoreItem xmlns:ds="http://schemas.openxmlformats.org/officeDocument/2006/customXml" ds:itemID="{F8C718B3-F1B2-8045-B1EA-2DF5FFB03CDC}">
  <ds:schemaRefs/>
</ds:datastoreItem>
</file>

<file path=customXml/itemProps2.xml><?xml version="1.0" encoding="utf-8"?>
<ds:datastoreItem xmlns:ds="http://schemas.openxmlformats.org/officeDocument/2006/customXml" ds:itemID="{A33AAC44-F23F-4382-9F53-0E447AB58115}">
  <ds:schemaRefs/>
</ds:datastoreItem>
</file>

<file path=customXml/itemProps20.xml><?xml version="1.0" encoding="utf-8"?>
<ds:datastoreItem xmlns:ds="http://schemas.openxmlformats.org/officeDocument/2006/customXml" ds:itemID="{D8BD925D-B348-074D-8625-D8F1C2B5DDAF}">
  <ds:schemaRefs/>
</ds:datastoreItem>
</file>

<file path=customXml/itemProps21.xml><?xml version="1.0" encoding="utf-8"?>
<ds:datastoreItem xmlns:ds="http://schemas.openxmlformats.org/officeDocument/2006/customXml" ds:itemID="{492D8374-DFDE-6446-8F2B-3214AF0B19D8}">
  <ds:schemaRefs/>
</ds:datastoreItem>
</file>

<file path=customXml/itemProps22.xml><?xml version="1.0" encoding="utf-8"?>
<ds:datastoreItem xmlns:ds="http://schemas.openxmlformats.org/officeDocument/2006/customXml" ds:itemID="{25B9E908-88D2-9F4B-B3C5-BBF64B048320}">
  <ds:schemaRefs/>
</ds:datastoreItem>
</file>

<file path=customXml/itemProps3.xml><?xml version="1.0" encoding="utf-8"?>
<ds:datastoreItem xmlns:ds="http://schemas.openxmlformats.org/officeDocument/2006/customXml" ds:itemID="{8F08E8B8-E4C4-4C36-8FF4-07606D526845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87DBDA2B-DA37-490F-B7BC-0F04E3263AA5}">
  <ds:schemaRefs/>
</ds:datastoreItem>
</file>

<file path=customXml/itemProps6.xml><?xml version="1.0" encoding="utf-8"?>
<ds:datastoreItem xmlns:ds="http://schemas.openxmlformats.org/officeDocument/2006/customXml" ds:itemID="{57173006-1E0D-4C25-9A96-962F4574186B}">
  <ds:schemaRefs/>
</ds:datastoreItem>
</file>

<file path=customXml/itemProps7.xml><?xml version="1.0" encoding="utf-8"?>
<ds:datastoreItem xmlns:ds="http://schemas.openxmlformats.org/officeDocument/2006/customXml" ds:itemID="{C9FE2242-445B-644C-ACCF-A503C8A45940}">
  <ds:schemaRefs/>
</ds:datastoreItem>
</file>

<file path=customXml/itemProps8.xml><?xml version="1.0" encoding="utf-8"?>
<ds:datastoreItem xmlns:ds="http://schemas.openxmlformats.org/officeDocument/2006/customXml" ds:itemID="{63B19505-6EDD-2C47-823A-7860BED08205}">
  <ds:schemaRefs/>
</ds:datastoreItem>
</file>

<file path=customXml/itemProps9.xml><?xml version="1.0" encoding="utf-8"?>
<ds:datastoreItem xmlns:ds="http://schemas.openxmlformats.org/officeDocument/2006/customXml" ds:itemID="{BC8E53E9-FB5D-1D48-AE66-25B3574BCEB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49</TotalTime>
  <Words>183</Words>
  <Application>Microsoft Macintosh PowerPoint</Application>
  <PresentationFormat>Custom</PresentationFormat>
  <Paragraphs>64</Paragraphs>
  <Slides>23</Slides>
  <Notes>0</Notes>
  <HiddenSlides>4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3</vt:i4>
      </vt:variant>
    </vt:vector>
  </HeadingPairs>
  <TitlesOfParts>
    <vt:vector size="31" baseType="lpstr">
      <vt:lpstr>ＭＳ Ｐゴシック</vt:lpstr>
      <vt:lpstr>Arial</vt:lpstr>
      <vt:lpstr>Avenir Book</vt:lpstr>
      <vt:lpstr>Avenir Heavy</vt:lpstr>
      <vt:lpstr>Helvetica Light</vt:lpstr>
      <vt:lpstr>OpenSans-SemiBold</vt:lpstr>
      <vt:lpstr>Verdana</vt:lpstr>
      <vt:lpstr>Blank</vt:lpstr>
      <vt:lpstr>Data Driven User Experience for Personalizing Hearing </vt:lpstr>
      <vt:lpstr>Table of Content</vt:lpstr>
      <vt:lpstr>PowerPoint Presentation</vt:lpstr>
      <vt:lpstr>PowerPoint Presentation</vt:lpstr>
      <vt:lpstr>PowerPoint Presentation</vt:lpstr>
      <vt:lpstr>PowerPoint Presentation</vt:lpstr>
      <vt:lpstr>The Current Fitting Paradigm</vt:lpstr>
      <vt:lpstr>The Current Fitting Paradigm</vt:lpstr>
      <vt:lpstr>The Current Fitting Paradigm</vt:lpstr>
      <vt:lpstr>Questions</vt:lpstr>
      <vt:lpstr>A Personalized Hearing Health Care Paradigm</vt:lpstr>
      <vt:lpstr>Data Driven UX in Hearing Health Care</vt:lpstr>
      <vt:lpstr>Context in Hearing Aids</vt:lpstr>
      <vt:lpstr>Context in Hearing Aids</vt:lpstr>
      <vt:lpstr>Context in Hearing Aids</vt:lpstr>
      <vt:lpstr>User Feedback</vt:lpstr>
      <vt:lpstr>Context in Hearing Aids</vt:lpstr>
      <vt:lpstr>User Feedback</vt:lpstr>
      <vt:lpstr>Adaptive Interfaces</vt:lpstr>
      <vt:lpstr>Adaptive Interfaces</vt:lpstr>
      <vt:lpstr>Adaptive Interfaces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16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Benjamin Johansen (BEJO)</cp:lastModifiedBy>
  <cp:revision>89</cp:revision>
  <cp:lastPrinted>2019-05-27T14:35:00Z</cp:lastPrinted>
  <dcterms:created xsi:type="dcterms:W3CDTF">2017-07-31T08:31:56Z</dcterms:created>
  <dcterms:modified xsi:type="dcterms:W3CDTF">2019-05-27T14:35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55354608973329</vt:lpwstr>
  </property>
  <property fmtid="{D5CDD505-2E9C-101B-9397-08002B2CF9AE}" pid="6" name="TemplafyLanguageCode">
    <vt:lpwstr>da-DK</vt:lpwstr>
  </property>
</Properties>
</file>